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50\"/>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877" uniqueCount="545">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5/12/2020</t>
  </si>
  <si>
    <t>07:00:00:00</t>
  </si>
  <si>
    <t>N0023846</t>
  </si>
  <si>
    <t>Drôles d'amis : Mon chat, ce héros</t>
  </si>
  <si>
    <t>Unlikely Animal Friends</t>
  </si>
  <si>
    <t>Hero Cat</t>
  </si>
  <si>
    <t>00:43</t>
  </si>
  <si>
    <t>United States</t>
  </si>
  <si>
    <t>Dans chaque épisode, retrouvez une histoire d'amitié hors du commun entre deux animaux d'espèces différentes ou entre l'homme et l'animal. Découvrez dans ce nouvel épisode l'histoire bouleversante de Jeremy, un petit garçon sauvé de l'attaque mortel d'un chien par Tara, le chat de la famille. Retrouvez aussi Piper, une chienne qui élève un bébé chèvre baptisé GP comme ses propres chiots et Dillie, un chevreuil pourri gâté par son maître.</t>
  </si>
  <si>
    <t>07:50:00:00</t>
  </si>
  <si>
    <t>N0023845</t>
  </si>
  <si>
    <t>Drôles d'amis : Mon cher chien</t>
  </si>
  <si>
    <t>Doggy Deerest</t>
  </si>
  <si>
    <t>00:42</t>
  </si>
  <si>
    <t>Dans chaque épisode, retrouvez une histoire d'amitié hors du commun entre deux animaux d'espèces différentes ou entre l'homme et l'animal. Un faon sauvage ami avec un chien, des poulets qui aident un garçon autiste de 4 ans à sortir de sa coquille ou encore un chat ami avec rat, impossible me direz-vous ? Découvrez ces histoires incroyables et pleines de tendresse dans ce nouvel épisode.</t>
  </si>
  <si>
    <t>08:40:00:00</t>
  </si>
  <si>
    <t>P0837270</t>
  </si>
  <si>
    <t>Snakes In The City : Avant l’attaque</t>
  </si>
  <si>
    <t>Snakes In The City Compilations</t>
  </si>
  <si>
    <t>Snakes In The City Compilations 2, 3</t>
  </si>
  <si>
    <t>South Africa</t>
  </si>
  <si>
    <t>09:30:00:00</t>
  </si>
  <si>
    <t>P0837343</t>
  </si>
  <si>
    <t>Snakes In The City : Une femme en mission</t>
  </si>
  <si>
    <t>Snakes In The City Compilations 2, 4</t>
  </si>
  <si>
    <t>10:20:00:00</t>
  </si>
  <si>
    <t>P0837344</t>
  </si>
  <si>
    <t>Snakes In The City : Domaine de chasse</t>
  </si>
  <si>
    <t>Snakes In The City Compilations 2, 5</t>
  </si>
  <si>
    <t>11:10:00:00</t>
  </si>
  <si>
    <t>N0026728</t>
  </si>
  <si>
    <t>Snakes In The City : Un lit de serpents</t>
  </si>
  <si>
    <t>Snakes In The City</t>
  </si>
  <si>
    <t>Bed of Snakes</t>
  </si>
  <si>
    <t xml:space="preserve">Dans cet épisode, les appels sont toujours plus nombreux. Un lézard géant pénètre dans un jardin et se retrouve pris dans un combat avec un chien. Au moment où Simon et Siouxsie arrivent, la bataille est déjà perdue pour le varan qui a subi des blessures graves. La situation n'est pas bonne. Simon et Siouxsie se sont donnés pour mission de sauver la vie des animaux, sans exception. Ils se précipitent avec le varan chez le vétérinaire. À la clinique, des antibiotiques et des analgésiques sont administrés, les blessures sont couvertes, et le lézard est placé dans un bac chauffé. Avec les appels incessants concernant les serpents, ils ne peuvent pas rester et attendre les résultats. Ils laissent donc le lézard entre les mains du vétérinaire pour le moment. </t>
  </si>
  <si>
    <t>12:00:00:00</t>
  </si>
  <si>
    <t>P0893978</t>
  </si>
  <si>
    <t>Les secouristes de la jungle : Retour à la maison</t>
  </si>
  <si>
    <t>Jungle Animal Rescue</t>
  </si>
  <si>
    <t>Homecoming</t>
  </si>
  <si>
    <t>Suite aux crues de la mousson, l’équipe de vétérinaires part pour une périlleuse mission afin d’extraire un crocodile pris au piège dans un puits. Un singe ayant perdu ses deux bras lors d’un accident électrique est attaqué violemment par des chiens et nécessite une prise en charge médicale d’urgence, sans quoi il risque de se vider de son sang. Enfin, les secouristes se lancent dans une course contre la montre pour réunir une portée de bébés chacals et leur mère disparue.</t>
  </si>
  <si>
    <t>12:45:00:00</t>
  </si>
  <si>
    <t>P0893979</t>
  </si>
  <si>
    <t>Les secouristes de la jungle : Au secours du tigre</t>
  </si>
  <si>
    <t>A Tiger's Tale</t>
  </si>
  <si>
    <t>Déterminée, l’équipe de sauveteurs vient au secours de Jawara, un tigre rescapé de 18 ans, aux crocs et aux pattes blessés par un piège de braconnier. En parallèle, elle reçoit un appel d’urgence après la découverte d’un python de 2,5 m de long dans un dépôt ferroviaire très fréquenté. Kalpana, un ancien éléphant à la rue recueilli par le groupe, doit affronter ses peurs pour réussir à entrer dans le bassin d’hydrothérapie des vétérinaires.</t>
  </si>
  <si>
    <t>13:40:00:00</t>
  </si>
  <si>
    <t>P0893980</t>
  </si>
  <si>
    <t>Les secouristes de la jungle : Des besoins d’ours</t>
  </si>
  <si>
    <t>Bear Necessities</t>
  </si>
  <si>
    <t>Notre équipe de secouristes a mis un terme à la pratique de la danse des ours en Inde, sauvant ainsi 628 ours de ce marché cruel illégal. Alors que les vétérinaires portent assistance à un ours atteint d’une hémorragie cérébrale à l’aide de massages au laser, une équipe d’intervention d’urgence vole au secours d’une antilope Nilgaut blessée, plus grande et plus dangereuse antilope d’Inde. Enfin, un bébé macaque est retrouvé abandonné dans un carton près d’une autoroute.</t>
  </si>
  <si>
    <t>14:20:00:00</t>
  </si>
  <si>
    <t>P0879684</t>
  </si>
  <si>
    <t>Mission spéciale : Les animaux du grand froid</t>
  </si>
  <si>
    <t>Wild_life: The Big Freeze</t>
  </si>
  <si>
    <t>Wild_life: The Big Freeze, 1</t>
  </si>
  <si>
    <t>Le reporter animalier Bertie Gregory se rend aux confins de l’Arctique canadien, à la rencontre d’un groupe d’animaux résilients ayant réussi à tirer profit de cet environnement extrême. Tandis que le retour du gel se fait attendre, notre aventurier assiste à des scènes extraordinaires, notamment à un rendez-vous inédit entre des ours polaires et des loups. Afin de s’approcher des espèces sauvages du territoire, il brave les températures glaciales et en sera récompensé, puisqu’il pourra observer au plus près la première baignade d’un bébé phoque du Groenland.</t>
  </si>
  <si>
    <t>15:15:00:00</t>
  </si>
  <si>
    <t>P0847204</t>
  </si>
  <si>
    <t>Mission spéciale : L'île de la résurrection</t>
  </si>
  <si>
    <t>Wild Life: Resurrection Island</t>
  </si>
  <si>
    <t>Wild Life: Resurrection Island, 1</t>
  </si>
  <si>
    <t>00:44</t>
  </si>
  <si>
    <t>Bertie Gregory, reporter animalier National Geographic, emmène les spectateurs dans une grande odyssée sur l’île légendaire de Géorgie du Sud. Voguant à bord d’un voilier de 15 mètres sur l’océan aux eaux les plus tumultueuses de la planète, l’équipage met le cap sur l’île subantarctique et ses montagnes givrées qui surplombent la mer. Cette île aux paysages stupéfiants possède également une biodiversité parmi les plus riches de la planète. Notre reporter s’approche au plus près des quatre animaux les plus féroces de la région, nous révélant ainsi les défis auxquels ils sont confrontés. Audace, esprit d’équipe et résilience sont indispensables pour survivre dans cet environnement hostile. Mais ces terres ne sont pas uniquement le symbole de l’histoire naturelle : de la découverte de l’île par le capitaine Cook aux établissements de pêche à la baleine aujourd’hui laissés à l’abandon, cette île incarne le meilleur comme le pire de la nature humaine.</t>
  </si>
  <si>
    <t>16:05:00:00</t>
  </si>
  <si>
    <t>P0879644</t>
  </si>
  <si>
    <t>Planète hostile : Les maîtres du froid</t>
  </si>
  <si>
    <t>Hostile Planet: Masters of The Freeze</t>
  </si>
  <si>
    <t>Hostile Planet: Masters of The Freeze, 1</t>
  </si>
  <si>
    <t>00:47</t>
  </si>
  <si>
    <t>Même sous les climats les plus cléments, la survie peut s’apparenter à une lutte permanente. Cependant, les animaux qui ont élu domicile dans les régions les plus froides de la planète ont développé une morphologie et des comportements qui leur permettent de l’emporter face aux dangers et autres prédateurs. S’ils vivent et meurent dans la violence, seuls les maîtres de la glace finissent vainqueurs.</t>
  </si>
  <si>
    <t>16:45:00:00</t>
  </si>
  <si>
    <t>P0949079</t>
  </si>
  <si>
    <t>Europe, continent sauvage : Le retour des titans</t>
  </si>
  <si>
    <t>Europe's New Wild</t>
  </si>
  <si>
    <t>Return of The Titans</t>
  </si>
  <si>
    <t>00:45</t>
  </si>
  <si>
    <t>Netherlands</t>
  </si>
  <si>
    <t>Au cœur des Carpates et de plusieurs bastions de la faune, plusieurs mesures viennent en aide à la nature. La réintroduction du bison d’Europe et la reproduction du loup gris sur le continent signent le retour d’espèces sauvages qui bénéficie à la fois aux autres animaux, mais aussi aux humains.</t>
  </si>
  <si>
    <t>17:20:00:00</t>
  </si>
  <si>
    <t>P0885652</t>
  </si>
  <si>
    <t>L'incroyable Dr Pol : En route !</t>
  </si>
  <si>
    <t>The Incredible Dr. Pol Compilations</t>
  </si>
  <si>
    <t>Highway Pol-Trol</t>
  </si>
  <si>
    <t>Être vétérinaire de campagne implique d’être mobile. Certains jours, Dr Pol trouve à peine le temps de manger entre la ferme, la grange, les champs et les visites à domicile. Peu importe l’heure ou les conditions météorologiques, les animaux n’attendent pas ! Dans cet épisode, prenez la route aux côtés des vétérinaires de la clinique.</t>
  </si>
  <si>
    <t>18:10:00:00</t>
  </si>
  <si>
    <t>P0885653</t>
  </si>
  <si>
    <t>L'incroyable Dr Pol : Tel père, tel fils</t>
  </si>
  <si>
    <t>A Few Pol Men</t>
  </si>
  <si>
    <t>Charles le dit lui-même : « Papa a toujours raison. » Cette équipe père-fils travaille dur mais s’amuse aussi beaucoup. Notre duo répond toujours à l’appel lorsqu’il s’agit de s’arrêter pour prendre une glace sur la route ou de glisser dans la boue en pleine intervention. Cet épisode sera consacré à la formidable équipe que forment Dr Pol et son fils.</t>
  </si>
  <si>
    <t>19:05:00:00</t>
  </si>
  <si>
    <t>P0832653</t>
  </si>
  <si>
    <t>L'incroyable Dr Pol : Un félin ravageur</t>
  </si>
  <si>
    <t>The Incredible Dr. Pol</t>
  </si>
  <si>
    <t>Hooked on a Feline</t>
  </si>
  <si>
    <t>Cette semaine, Tater le chat à trois pattes débarque à la clinique du Dr Pol et tout le monde tombe sous le charme de cette adorable boule de poils. L’équipe du Dr Pol a du pain sur la planche lorsqu’une série d’animaux peu communs vient frapper à la porte. Des oiseaux tropicaux souffrent de blessures étranges, tandis qu’une césarienne d’urgence amène l’équipe à se serrer les coudes.</t>
  </si>
  <si>
    <t>19:55:00:00</t>
  </si>
  <si>
    <t>P0832654</t>
  </si>
  <si>
    <t>L'incroyable Dr Pol : Drôle de période</t>
  </si>
  <si>
    <t>Pol Side of the Moon</t>
  </si>
  <si>
    <t>Cette semaine, le Michigan voit débarquer une nouvelle saison. En plein cœur de l’automne, une tempête de neige s’abat sur la région, achevant cette semaine déjà bien étrange. Entre la pleine lune et Halloween, les patients farfelus affluent à la clinique. L’équipe du Dr Pol ne voit pas les journées passer : une attaque de cochons, des chiens farceurs, un cheval heurté par une voiture et un troupeau de bovins sont au rendez-vous.</t>
  </si>
  <si>
    <t>20:45:00:00</t>
  </si>
  <si>
    <t>N0023910</t>
  </si>
  <si>
    <t>Drôles d'amis : Le coup de foudre</t>
  </si>
  <si>
    <t>Love At First Sight</t>
  </si>
  <si>
    <t>Dans chaque épisode, retrouvez une histoire d'amitié hors du commun entre deux animaux d'espèces différentes ou entre l'homme et l'animal. Découvrez le lien qui unit un surfeur hawaïen à un petit cochon, un cheval qui guide une femme aveugle ainsi qu'un chat immobilisé protégé par un teckel.</t>
  </si>
  <si>
    <t>21:40:00:00</t>
  </si>
  <si>
    <t>N0024064</t>
  </si>
  <si>
    <t>Drôles d'amis : Un amour de guépard</t>
  </si>
  <si>
    <t>Cheetah Cub, Puppy Love</t>
  </si>
  <si>
    <t>Dans chaque épisode, retrouvez une histoire d'amitié hors du commun entre deux animaux d'espèces différentes ou entre l'homme et l'animal. Découvrez les curieuses amitiés qui se sont liées entre un guépard et un chien de Rhodésie à crête dorsale, entre un vétérinaire de Floride et un cochon ou entre un couple de dalmatiens et un chat.</t>
  </si>
  <si>
    <t>22:30:00:00</t>
  </si>
  <si>
    <t>Michelle ou la vie sauvage : Miracle canin</t>
  </si>
  <si>
    <t>Dr. Oakley: Yukon Vet</t>
  </si>
  <si>
    <t>The Miracle Dog</t>
  </si>
  <si>
    <t>La vétérinaire Michelle Oakley revient pour une 6e saison au chevet des animaux, domestiques comme sauvages.</t>
  </si>
  <si>
    <t>23:20:00:00</t>
  </si>
  <si>
    <t>Michelle ou la vie sauvage : Gang de porcs-épics</t>
  </si>
  <si>
    <t>Porcupine Posse</t>
  </si>
  <si>
    <t>23:55:00:00</t>
  </si>
  <si>
    <t>P0837374</t>
  </si>
  <si>
    <t>Michelle ou la vie sauvage : Remue-ménage</t>
  </si>
  <si>
    <t>Mother Mayhem</t>
  </si>
  <si>
    <t>Suite à un appel d’urgence, le Dr Oakley se précipite afin de déceler les causes de la curieuse blessure au cou d’un chien. La castration d’un porcelet, une procédure routinière, se transforme en un exercice périlleux à cause d’une truie trop protectrice. Des vaches écossaises ronchonnes empêchent le Dr Oakley de mener à bien son contrôle de gravidité. La chatte Lucy réussit à marcher parfaitement en laisse mais a des soucis pour vomir, tandis que Lily, le chiot de laboratoire, souffre de problèmes intestinaux.</t>
  </si>
  <si>
    <t>24:40:00:00</t>
  </si>
  <si>
    <t>P0799914</t>
  </si>
  <si>
    <t>Destination Wild : Amérique du Sud</t>
  </si>
  <si>
    <t>South America Untamed</t>
  </si>
  <si>
    <t>South America Untamed, 1</t>
  </si>
  <si>
    <t>Nous partirons à la découverte d’une majestueuse chaîne de montagnes s’étendant à travers l’Amérique du Sud. Au programme, des paysages d’une diversité sans pareil : d’immenses glaciers, un désert aride et, au cœur, la plus grande forêt tropicale au monde à la biodiversité parmi les plus riches de la planète. Au fil de notre périple, nous ferons la rencontre de piranhas, d’aras, de loutres de rivière géantes et même d’un ours des Andes, l’unique espèce d’ours que compte l’Amérique du Sud, des animaux fascinants que seules les contrées sauvages de la région connaissent.</t>
  </si>
  <si>
    <t>25:20:00:00</t>
  </si>
  <si>
    <t>N0012155</t>
  </si>
  <si>
    <t>Destination Wild : Amazonie, berceau de vie</t>
  </si>
  <si>
    <t>Wild Amazon</t>
  </si>
  <si>
    <t>Cradle Of Life</t>
  </si>
  <si>
    <t>United Kingdom</t>
  </si>
  <si>
    <t>L'Amazonie est une région encore largement méconnue. Aucun espace au monde ne lui ressemble et on retrouve en son coeur des créatures des plus étonnantes. Chaque année, les inondations transforment le paysage en un bassin qui s'étend sur plusieurs milliers de kilomètres, bouleversant l'habitat de milliers d'espèces. Ce territoire est incontestablement l'un des plus dangereux au monde, expliquant les mystères qui l'entoure. Partez à la découverte de son écosystème merveilleux dans lequel se côtoient jaguar, caïman ou encore lamantin. Ici, les chats nagent et les poissons sautent hors de l'eau pour attraper leur proie. L'environnement verdoyant déploie ses couleurs vives reflétées par les eaux omniprésentes. Faune et flore témoignent de la magie de l'Amazonie, dont le rôle primordial se répercute à l'échelle mondiale.</t>
  </si>
  <si>
    <t>26:05:00:00</t>
  </si>
  <si>
    <t>P0898311</t>
  </si>
  <si>
    <t>Destination Wild : Amérique centrale - Costa Rica</t>
  </si>
  <si>
    <t>Wild Central America</t>
  </si>
  <si>
    <t>Costa Rica</t>
  </si>
  <si>
    <t>En compagnie de Nigel Marven, partez à la découverte des nombreuses espèces sauvages hautes en couleur du Costa Rica. Des aras rouges sur la péninsule d’Osa aux dauphins tachetés joueurs du golfe Dulce, en passant par des vipères à cils et des bébés tortues luths sur la côte des Caraïbes, le pays présente une biodiversité sans pareil. Des locaux et des scientifiques rencontrés en chemin partageront avec joie leurs anecdotes sur leur somptueux pays ainsi que sur les espèces qui l’habitent.</t>
  </si>
  <si>
    <t>26:50:00:00</t>
  </si>
  <si>
    <t>P0898312</t>
  </si>
  <si>
    <t>Destination Wild : Amérique centrale - Guatemala</t>
  </si>
  <si>
    <t>Guatemala</t>
  </si>
  <si>
    <t>Aux côtés de Nigel Marven, partez à la découverte du Guatemala, un pays d’une beauté à couper le souffle, où se côtoient biodiversité d’une grande richesse, paysages saisissants et héritage culturel des Mayas. En chemin, vous pourrez admirer le lac le plus somptueux au monde, le serpent venimeux le plus coloré d’Amérique centrale ainsi qu’un inoubliable panorama depuis le « sommet du monde des Mayas ». Quetzals, geais et orchidées vous attendent au cœur des forêts de nuages ; des lézards venimeux se tapissent à l’intérieur des terres désertiques ; des crocodiles veillent sur les rivières et de rares tortues nous réservent une petite surprise.</t>
  </si>
  <si>
    <t>27:30:00:00</t>
  </si>
  <si>
    <t>P0867703</t>
  </si>
  <si>
    <t>La dynastie des chiens de prairie : Guerre de territoire</t>
  </si>
  <si>
    <t>Prairie Dog Manor</t>
  </si>
  <si>
    <t>Once Upon A Time In New Mexico</t>
  </si>
  <si>
    <t>00:21</t>
  </si>
  <si>
    <t>Après quatre mois d’hibernation, les chiens de prairie mâles du nord du Nouveau-Mexique émergent de leur léthargie. Tandis que les femelles poursuivent leur somme à l’intérieur des terriers, les mâles livrent bataille pour asseoir leur suprématie à l’extérieur. Au cœur des plaines, Furgie, deux ans, souhaite gravir l’ascenseur social mais doit d’abord affronter Brutus, le chef de meute. Gnash règne en maître sur les régions montagneuses et doit repousser plusieurs chiens de prairie qui lorgnent sur son territoire.</t>
  </si>
  <si>
    <t>27:55:00:00</t>
  </si>
  <si>
    <t>28:40:00:00</t>
  </si>
  <si>
    <t>29:25:00:00</t>
  </si>
  <si>
    <t>06/12/2020</t>
  </si>
  <si>
    <t>N0028224</t>
  </si>
  <si>
    <t>L'incroyable Dr Pol : Que la fête commence</t>
  </si>
  <si>
    <t>Squeal of Fortune</t>
  </si>
  <si>
    <t xml:space="preserve">C'est l'anniversaire du Dr Pol – mais avant que les festivités ne commencent, l'équipe a plusieurs consultations de prévues. Entre des perroquets colorés et un zèbre malade, les cas de la semaine s'annoncent passionnants. Le premier client est Gary Smith, qui a besoin que le Dr Pol inspecte 86 de ses vaches, qui sont toutes pleines ! Entre les bagarres et les coups de sabots, l'opération prend plusieurs heures. Mais avec l'aide de Charles, son bras droit, le Dr Pol termine sa mission et s'attaque à la suivante. De retour à la clinique, Dr Brenda et Dr Emily s'occupent de chiots malades. La petite Annie a un os de la patte fracturé. Dr Brenda doit réfléchir à toutes les options et faire ce qu'il y a de mieux pour ce chiot en pleine croissance. Pendant ce temps, la jeune Ayasha décide qu'elle veut devenir vétérinaire : lorsqu'elle arrive à la clinique avec son nouveau chiot pour un contrôle, elle n'hésite pas à donner un coup de main au Dr Emily. À la fin d'une longue journée, la famille Pol surprend le docteur avec un dîner d'anniversaire. Une soirée festive bien méritée !
</t>
  </si>
  <si>
    <t>N0028225</t>
  </si>
  <si>
    <t>L'incroyable Dr Pol : Un lama difficile</t>
  </si>
  <si>
    <t>One Hot Llama</t>
  </si>
  <si>
    <t xml:space="preserve">L'hiver commence à s'installer dans le centre du Michigan. Dr Pol et son équipe sont toujours en train d'aider les fermes alentours et les animaux du comté d'Isabella et de la région. Entre des lamas cracheurs, un Scottish fold bourru et un bouvier australien qui s'est fait renverser par une voiture, les vétérinaires de la clinique ont droit à leur lot de surprises ! Chaque journée passée à arpenter la campagne du Michigan amène ses nouveaux défis, et personne n'est à l'abri d'une panne de voiture...
</t>
  </si>
  <si>
    <t>P0893975</t>
  </si>
  <si>
    <t>Les secouristes de la jungle : Au secours des éléphants</t>
  </si>
  <si>
    <t>Operation: Elephant</t>
  </si>
  <si>
    <t>Dans cet épisode, notre équipe de sauveteurs porte secours à un éléphant des rues, à un singe paralysé ainsi qu’à un cobra venimeux caché dans une salle de classe.</t>
  </si>
  <si>
    <t>16:40:00:00</t>
  </si>
  <si>
    <t>P0926304</t>
  </si>
  <si>
    <t>Okavango : Le fleuve des rêves - Le paradis</t>
  </si>
  <si>
    <t>Okavango: River of Dreams</t>
  </si>
  <si>
    <t>Paradise</t>
  </si>
  <si>
    <t>Austria</t>
  </si>
  <si>
    <t>Partez à la découverte des fascinants paysages et des extraordinaires espèces sauvages en amont de l’Okavango, ce fleuve d’Afrique australe. Au cœur de cette nature unique évolue Fekeetsa, une lionne pas comme les autres. Lors d’une partie de chasse, elle se retrouve grièvement blessée par un buffle. Tandis que sa troupe la laisse pour morte, Fekeetsa se rétablit doucement et tente de survivre seule au milieu des marécages. Elle doit chasser pour se nourrir, mais aussi pour subvenir aux besoins de ses lionceaux. De nombreux animaux évoluent au cœur de ce monde aquatique, chacun avec son propre destin.</t>
  </si>
  <si>
    <t>P0870332</t>
  </si>
  <si>
    <t>Destination Wild Scandinavie : La côte des Vikings</t>
  </si>
  <si>
    <t>Wild Nordic</t>
  </si>
  <si>
    <t>Viking Coast</t>
  </si>
  <si>
    <t>Terre de fjords majestueux, de montagnes vertigineuses et d’explorateurs intrépides, le littoral norvégien réunit cultures antiques et contrées sauvages d’aujourd’hui.</t>
  </si>
  <si>
    <t>P0870304</t>
  </si>
  <si>
    <t>Destination Wild Scandinavie : Le royaume dans le ciel</t>
  </si>
  <si>
    <t>Kingdom In The Sky</t>
  </si>
  <si>
    <t>Partez explorer les montagnes de Scandinavie, aux cimes enneigées, hostiles, sauvages et balayées par les vents. À l’image du bœuf musqué, du renard arctique et du légendaire renne, des créatures ancestrales ont trouvé refuge au cœur de la toundra.</t>
  </si>
  <si>
    <t>P0870306</t>
  </si>
  <si>
    <t>Destination Wild Scandinavie : Terres de glace</t>
  </si>
  <si>
    <t>Land of Ice And Snow</t>
  </si>
  <si>
    <t>Juchées sur le toit du monde, de vastes étendues de glace portent la marque des espèces sauvages arctiques et des traditions séculaires. Sur ces terres, seuls les animaux les plus résilients remportent la bataille contre la rigueur de l’hiver.</t>
  </si>
  <si>
    <t>P0870307</t>
  </si>
  <si>
    <t>Destination Wild Scandinavie : Eaux mystiques</t>
  </si>
  <si>
    <t>Mystic Waters</t>
  </si>
  <si>
    <t>Les rivières sauvages de l’extrême nord de la Finlande inspirent des explorateurs du monde entier, des patineurs les plus téméraires aux nageurs en eau glacée.</t>
  </si>
  <si>
    <t>N0028226</t>
  </si>
  <si>
    <t>L'incroyable Dr Pol : Double challenge</t>
  </si>
  <si>
    <t>Double Trouble</t>
  </si>
  <si>
    <t xml:space="preserve">Après avoir travaillé d'arrache-pied pendant sa grossesse, il est temps pour Dr Emily de prendre un congé maternité bien mérité – mais pas avant que le Dr Pol et son équipe ne traitent de nouveaux animaux. À commencer par un chaton errant, un bébé alpaga maladroit et un couple de jeunes chèvres bruyantes. Charles et Dr Pol commencent par voir Dixie, la jument poulinière de 23 ans de Rebecca Stuppio, qui présente une entaille mystérieuse à l'épaule. Si la coupure a sectionné un nerf, il se pourrait que Dixie ne soit plus jamais la même. Calme et sûr de lui, Dr Pol s'affaire à la recoudre. Dr Brenda est bien occupée avec ses deux jeunes chèvres : une seule d'entre elles est malade, mais son frère refuse de la quitter et l'a accompagnée à la clinique. Dr Brenda examine la chèvre malade pour déterminer ce qui a engendré sa perte d'appétit et sa diarrhée. Plus tard, après une longue journée de travail, Dr Emily s'occupe d'une urgence nocture. Ruby, un chiot Braque de Weimar de quatre mois, ne boit plus et souffre énormément. Après avoir éliminé tous les diagnostics possibles à la clinique, le mystère subsiste quant à sa maladie. Malgré des journées chargées, de nombreuses heures supplémentaires et des blouses de travail devenues trop petites, la très enceinte Dr Emily n'a jamais manqué à l'appel. En congé maternité, elle amène son nouveau-né, Oscar, à la clinique vétérinaire de Dr Pol, pour le présenter à l'équipe pour la première fois. Les vétérinaires sont comme une grande famille, et ils sont ravis d'accueillir leur nouveau membre !
</t>
  </si>
  <si>
    <t>N0028227</t>
  </si>
  <si>
    <t>L'incroyable Dr Pol : Hiver glacial chez les Pol</t>
  </si>
  <si>
    <t>Freezin' Pol'd</t>
  </si>
  <si>
    <t xml:space="preserve">Pour surprendre Diane pour son anniversaire, Dr Pol décide de remettre en état un vieux traîneau qu'il a acheté avec sa femme il y a des années. Le docteur, Charles et quelques-uns de leurs amis Amish parviendront-ils à restaurer le vieux traîneau et à le faire tirer par leurs deux Frisons ? L'hiver s'est bien installé dans le Michigan mais ni la neige, ni la glace ne décourageront l'équipe vétérinaire ! Le premier patient de la journée est Miss Piggy, une truie pleine à qui Dr Emily vient en aide. Avec autant de vies de porcelets en jeu, Dr Emily réussira-t-elle à déclencher la mise bas chez la truie ? Même les températures glaciales ne découragent pas les clients de se rendre à la clinique. Fort heureusement, les neuf premiers patients du Dr Brenda sont de douillets chiots Sarplaninac, qui viennent faire leur consultation de six semaines. Ensuite, une petite boule de poils débarque dans la clinique : Nugget, un hérisson africain présente un problème délicat. Dr Pol doit faire confiance à son instinct pour comprendre pourquoi il perd du poids. 
</t>
  </si>
  <si>
    <t>P0867705</t>
  </si>
  <si>
    <t>La dynastie des chiens de prairie : Le bon, la brute et le cajoleur</t>
  </si>
  <si>
    <t>The Good, The Bad &amp; The Snuggly</t>
  </si>
  <si>
    <t>Le beau temps est officiellement de retour au nord du Nouveau-Mexique : la saison des amours est donc ouverte ! Dans les plaines, Furgie doit à nouveau affronter Brutus s’il veut s’accoupler avec une femelle vivant sur le territoire du mâle dominant. Au sein des régions montagneuses, Gnash attend que sa dernière femelle ait ses chaleurs.</t>
  </si>
  <si>
    <t>07/12/2020</t>
  </si>
  <si>
    <t>07:45:00:00</t>
  </si>
  <si>
    <t>N0026841</t>
  </si>
  <si>
    <t>Destination Wild : Turquie</t>
  </si>
  <si>
    <t>Desert Lands of The Middle East</t>
  </si>
  <si>
    <t>Wild Turkey</t>
  </si>
  <si>
    <t>P0867708</t>
  </si>
  <si>
    <t>La dynastie des chiens de prairie : Un véritable courage</t>
  </si>
  <si>
    <t>True Grit</t>
  </si>
  <si>
    <t>Suite à la naissance des petits, Dogtown passe officiellement entre les mains d’une nouvelle direction. Au cœur des plaines, June tente d’enseigner à son chiot frileux à avoir confiance en lui, pendant que Ruby affronte une famille de chiens de prairie pour le moins envahissante. Dans les régions montagneuses, Scarlett apprend à protéger ses petits malgré son statut de mère célibataire.</t>
  </si>
  <si>
    <t>09:00:00:00</t>
  </si>
  <si>
    <t>Michelle ou la vie sauvage : Le grand méchant loup</t>
  </si>
  <si>
    <t>The Big Bad Wolf</t>
  </si>
  <si>
    <t>09:50:00:00</t>
  </si>
  <si>
    <t>Michelle ou la vie sauvage : La loi des grands-ducs</t>
  </si>
  <si>
    <t>Law of The Claw</t>
  </si>
  <si>
    <t xml:space="preserve">À la clinique, Michelle Oakley et ses filles accourent à la rescousse d’un husky sibérien ayant avalé un flacon de pilules. Elles viennent ensuite en aide au Dr Aimie Doyle pour opérer la patte d’un cheval, une intervention délicate susceptible d’engager son pronostic vital. Les Oakley se rendent à l’Alaska Wildlife Conservation Center pour s’occuper des serres tranchantes d’un grand-duc d’Amérique peu commode. Pour finir, le Dr Oakley et le Dr Doyle soignent une vilaine bosse sur le museau d’un cheval à l’aide d’un traitement innovant.  </t>
  </si>
  <si>
    <t>10:35:00:00</t>
  </si>
  <si>
    <t>P0837371</t>
  </si>
  <si>
    <t>Michelle ou la vie sauvage : Les bouquetins des Alpes</t>
  </si>
  <si>
    <t>Dances With Ibexes</t>
  </si>
  <si>
    <t>Suite à un appel d’urgence, le Dr Oakley reçoit un chien souffrant d’une maladie mystérieuse qui pourrait bien lui poser une colle. L’équipe vétérinaire part à l’assaut des falaises abruptes des Alpes françaises afin d’étudier les bouquetins indigènes qui y vivent. Un défilé de perroquets freine Michelle dans son élan, pendant que Dylan le petit-duc des montagnes décide d’arrêter son régime. Enfin, les problèmes oculaires du chien Sam semblent cacher quelque chose de plus grave.</t>
  </si>
  <si>
    <t>11:30:00:00</t>
  </si>
  <si>
    <t>P0885609</t>
  </si>
  <si>
    <t>Michelle ou la vie sauvage : Une course pas comme les autres</t>
  </si>
  <si>
    <t>Running With Reindeer</t>
  </si>
  <si>
    <t>Dans cet épisode, le Dr Oakley participe à une course où s’affrontent rennes et humains, cinq vaches musquées sont soumises à des tests de grossesse et Daisy prend part à une réunion de famille.</t>
  </si>
  <si>
    <t>12:20:00:00</t>
  </si>
  <si>
    <t>P0885608</t>
  </si>
  <si>
    <t>Michelle ou la vie sauvage : Bison futé</t>
  </si>
  <si>
    <t>One Clever Bison</t>
  </si>
  <si>
    <t>Alors qu’elle attend la naissance d’une portée de chiots, le Dr Oakley doit partir à la rescousse d’un bison têtu et d’un orignal atteint de difficultés respiratoires. De retour à la clinique, elle examine la patte enflée d’un dogue allemand.</t>
  </si>
  <si>
    <t>13:00:00:00</t>
  </si>
  <si>
    <t>P0949080</t>
  </si>
  <si>
    <t>Europe, continent sauvage : Le lynx disparu</t>
  </si>
  <si>
    <t>The Missing Lynx</t>
  </si>
  <si>
    <t>Dans l’ensemble de la péninsule ibérique, les chaînes alimentaires et les écosystèmes se rétablissent progressivement, permettant ainsi à certains animaux menacés, parmi lesquels le chat le plus rare du monde, de prospérer à nouveau.</t>
  </si>
  <si>
    <t>14:00:00:00</t>
  </si>
  <si>
    <t>P0949081</t>
  </si>
  <si>
    <t>Europe, continent sauvage : Au chevet des ours d’Europe</t>
  </si>
  <si>
    <t>Saving Europe's Bears</t>
  </si>
  <si>
    <t>En Italie et en Croatie, plusieurs mesures destinées à la sauvegarde d’une espèce d’ours rare permettent à de nombreux autres animaux et à divers territoires de prospérer.</t>
  </si>
  <si>
    <t>14:45:00:00</t>
  </si>
  <si>
    <t>P0949084</t>
  </si>
  <si>
    <t>Europe, continent sauvage : Terres enneigées</t>
  </si>
  <si>
    <t>Land of Snow And Ice</t>
  </si>
  <si>
    <t>Éleveurs samis de rennes et défenseurs de l’environnement unissent leurs forces afin de tenter de sauver l’une des frontières les plus sauvages d’Europe. Grâce à la neige et à la glace, l’humain renoue progressivement avec la nature.</t>
  </si>
  <si>
    <t>15:40:00:00</t>
  </si>
  <si>
    <t>P0949082</t>
  </si>
  <si>
    <t>Europe, continent sauvage : L’Amazonie d’Europe</t>
  </si>
  <si>
    <t>Europe's Amazon</t>
  </si>
  <si>
    <t>Depuis la Forêt-Noire allemande, le Danube poursuit son cours sur 3 000 kilomètres à l’est jusqu’à la mer Noire, où il se divise en centaines de canaux entrelacés qui composent plus de 4 000 kilomètres carrés du delta du Danube. Ce fleuve alimente une multitude d’habitats naturels où vivent plus de 300 incroyables espèces d’oiseaux de milieux humides, plus de 40 espèces de mammifères, ainsi que des centaines d’amphibiens, de poissons et d’insectes. Alors que le delta gagne du terrain sur la mer Noire chaque année, son avenir repose aujourd’hui entre les mains des défenseurs de l’environnement qui œuvrent pour la préservation de ces habitats uniques et fragiles.</t>
  </si>
  <si>
    <t>16:25:00:00</t>
  </si>
  <si>
    <t>P0949083</t>
  </si>
  <si>
    <t>Europe, continent sauvage : Le retour des charognards</t>
  </si>
  <si>
    <t>The Scavenger's Return</t>
  </si>
  <si>
    <t>Les Rhodopes de Bulgarie sont aujourd’hui le théâtre de la renaissance d’espèces sauvages. À mesure que les proies signent leur retour et façonnent les terres, les prédateurs reviennent eux aussi. Afin de reconstituer pleinement le cycle de la vie, les vautours jouent un rôle essentiel.</t>
  </si>
  <si>
    <t>P0930993</t>
  </si>
  <si>
    <t>SOS Animaux Alaska: vilaine loutre</t>
  </si>
  <si>
    <t>Alaska Animal Rescue</t>
  </si>
  <si>
    <t>The Naughty Otter</t>
  </si>
  <si>
    <t>Dans cet épisode, nos héros de la protection animale ne savent plus où donner de la tête. Entre un bébé loutre de mer orphelin, un jeune pygargue à tête blanche tombé de son nid et plusieurs renards abandonnés prêts à rejoindre un milieu naturel plus favorable, l’équipe n’a pas une minute de répit.</t>
  </si>
  <si>
    <t>P0930279</t>
  </si>
  <si>
    <t>SOS Animaux Alaska: le voyage du phoque</t>
  </si>
  <si>
    <t>Seal Pup Voyage</t>
  </si>
  <si>
    <t>Alors que le printemps bat son plein, l’Alaska SeaLife Center est assailli d’appels qui signalent l’abandon de bébés phoques. L’équipe met les bouchées doubles pour réussir à garder la tête hors de l’eau face à la liste croissante de sauvetages et de réhabilitations. À l’Alaska Raptor Center, un appel au sujet de deux pygargues à tête blanche bouleverse une journée de routine. À l’Alaska Wildlife Conservation Center, l’heure est venue de transférer des bisons des bois vers leur pâture du printemps, mais l’un d’entre eux n’est pas de cet avis.</t>
  </si>
  <si>
    <t>Michelle ou la vie sauvage : Un paon peu commode</t>
  </si>
  <si>
    <t>Squawk Off!</t>
  </si>
  <si>
    <t>Un cheval enroué</t>
  </si>
  <si>
    <t>A Hoarse Horse</t>
  </si>
  <si>
    <t>00:50</t>
  </si>
  <si>
    <t>P0839364</t>
  </si>
  <si>
    <t>Michelle ou la vie sauvage : Armés jusqu’aux dents</t>
  </si>
  <si>
    <t>Up To The Tusk</t>
  </si>
  <si>
    <t>Le Dr Oakley n’en est pas à sa première bataille avec des rennes. Cette fois, cependant, l’avenir du troupeau est entre ses mains : elle doit examiner deux mâles reproducteurs qui souffrent de blessures inquiétantes. Un énorme sanglier doit subir un épointage de ses défenses, aiguisées comme des couteaux, mais n’a pas l’intention de se laisser faire. Un jeune hibou décoche un coup surprenant et le Dr Oakley se retrouve dans une situation délicate au milieu de la brigade canine des forces de police d’Anchorage.</t>
  </si>
  <si>
    <t>P0839365</t>
  </si>
  <si>
    <t>Michelle ou la vie sauvage : Bœuf musqué à l’attaque</t>
  </si>
  <si>
    <t>Muskox In Arms</t>
  </si>
  <si>
    <t>Le Dr Oakley s’attaque à la castration d’un énorme bœuf musqué. Alors que ce taureau reproducteur se trouve sous sédatif, son rival devient un danger pour lui et la vétérinaire. Un bébé renne se trouve dans une situation critique à cause de problèmes intestinaux. L’élevage de chevaux sauvages se modernise grâce aux nouvelles technologies. Un cheval blanc du nom de Ghost présente une bosse étrange sur la patte tandis qu’un veau musqué attend ses piqûres.</t>
  </si>
  <si>
    <t>P0826994</t>
  </si>
  <si>
    <t>Les animaux déraillent : Un peu trop près</t>
  </si>
  <si>
    <t>Animals Gone Wild Compilations</t>
  </si>
  <si>
    <t>Too Close For Comfort</t>
  </si>
  <si>
    <t xml:space="preserve">Il arrive que la nature s’approche un peu trop près… Les rencontres entre hommes et animaux peuvent alors s’avérer mortelles, sans échappatoire possible.
</t>
  </si>
  <si>
    <t>P0826993</t>
  </si>
  <si>
    <t>Les animaux déraillent : Ne jamais lâcher !</t>
  </si>
  <si>
    <t>Out of Control</t>
  </si>
  <si>
    <t xml:space="preserve">Si le comportement imprévisible des animaux sauvages peut nous terrifier, il révèle également nos étonnantes similitudes. Ces séquences fascinantes nous montrent le royaume animal sous ses aspects les plus effrayants à travers les réactions les plus inattendues et nous laissent le souffle coupé.
</t>
  </si>
  <si>
    <t>N0012299</t>
  </si>
  <si>
    <t>Prédateurs de l'ombre : Les crocodiles</t>
  </si>
  <si>
    <t>Night Stalkers</t>
  </si>
  <si>
    <t>Crocodile War</t>
  </si>
  <si>
    <t>Ce nouvel épisode des Prédateurs de l'Ombre part à la rencontre du dernier dinosaure sur terre, le crocodile. Bien connu de l'Homme, un moment particulier n'avait cependant pas encore été observé, la nuit. Grâce à de nouvelles caméras, changez à jamais votre vision sur ce chasseur puissant. Une première étape au Kenya vous fera découvrir le festin annuel des crocodiles de la rivière Mara, qui se compose de plusieurs espèces contraintes de traverser de jour comme de nuit cet antre du monstre au sang-froid. Par la même occasion, prenez part à la cohabitation parfois houleuse entre hippopotames et crocodiles. Ensuite, rendez-vous au Sri Lanka. Ce territoire est composé de milliers de petits étangs, accueillant toutes les créatures assoiffées, pour le plus grand plaisir de nos tueurs experts. La persistance et la patience de cette espèce font du crocodile une force quasi-parfaite. Prenez part à cette aventure unique, au coeur de paysages somptueux, et étudiez de près ces dangereux prédateurs de l'ombre...</t>
  </si>
  <si>
    <t>08/12/2020</t>
  </si>
  <si>
    <t>P0785056</t>
  </si>
  <si>
    <t>Destination wild : Siberie</t>
  </si>
  <si>
    <t>Wild Year: Siberia</t>
  </si>
  <si>
    <t>Wild Year: Siberia, 1</t>
  </si>
  <si>
    <t>New Zealand</t>
  </si>
  <si>
    <t>Seuls les animaux les plus robustes sont capables de survivre en Sibérie. Pendant une année dans la nature, les ours polaires, les rennes, les grues du Japon, les saumons masous et les belettes doivent supporter un hiver long et impitoyable et profiter de la courte période d’abondance du printemps. Des rives recouvertes de glace du nord jusqu’aux profondeurs de la taïga en passant par les kilomètres de toundra, ces animaux doivent faire face à des dangers incroyables et lutter pour survivre.</t>
  </si>
  <si>
    <t>P0867697</t>
  </si>
  <si>
    <t>La dynastie des chiens de prairie : Charlotte prend les armes</t>
  </si>
  <si>
    <t>Charlotte's Brawl</t>
  </si>
  <si>
    <t>Alors que la nourriture se fait rare dans les montagnes, Charlotte doit apprendre à combattre ses harceleurs afin de survivre à la saison sèche. Au cœur des plaines, June s’inquiète pour son plus jeune chiot à mesure que son lait vient à manquer et Hyde peine à manger de la nourriture solide. De leur côté, Ruby et Lucille partent à la recherche d’un nouveau refuge suite à l’installation d’un mâle cannibale dans le quartier.</t>
  </si>
  <si>
    <t>P0837369</t>
  </si>
  <si>
    <t>Michelle ou la vie sauvage : Le déménagement des bisons</t>
  </si>
  <si>
    <t>Bison Business</t>
  </si>
  <si>
    <t>Le temps est compté pour la docteure Oakley, aux prises avec un troupeau de bisons qui doit déménager. D’énormes bêtes de somme compliquent une procédure d’ordinaire très simple. Lucy le pitbull perd l’équilibre à cause de la glace. Suite à un traumatisme crânien, le pronostic vital d’un pygargue à tête blanche est engagé, tandis que les griffes bouclées d’un chat déconcertent la vétérinaire.</t>
  </si>
  <si>
    <t>P0781065</t>
  </si>
  <si>
    <t>Squeeze : Python d'Afrique</t>
  </si>
  <si>
    <t>Africa's Super Snake</t>
  </si>
  <si>
    <t>Africa's Super Snake, 1</t>
  </si>
  <si>
    <t>Elle mesure 6 mètres. Elle ni mains ni jambes, mais elle est capable de vous écraser jusque mort s’ensuive en 15 minutes. Elle, c’est un python de Seba, roi des serpents constricteurs... qui étouffent leurs proies pour se nourrir. Les rares serpents qui atteignent une taille de 6 mètres inspirent une peur instinctive à l’homme. Trois espèces battent régulièrement ces records de longueur : l’anaconda vert, le python réticulé et le python de Seba. Or en plus de sa taille et sa force, ce dernier est à la fois rapide et agressif, ce qui fait de lui le plus dangereux de ces reptiles. C’est dans la savane d’Afrique du Sud qu’il évolue au quotidien, loin des regards. Voici son histoire. Dans la province sud-africaine de KwaZulu-Natal, sa taille, sa force et sa réputation de mangeur d’hommes inspirent une peur profonde. Bien que les attaques à l’encontre de l’être humain soient rares, on connaît peu sa vie, qui est entourée d’une aura de mystère et d’idées reçues.</t>
  </si>
  <si>
    <t>P0903159</t>
  </si>
  <si>
    <t>Serpent à sonnette : la terreur du désert</t>
  </si>
  <si>
    <t>America's Super-Snake</t>
  </si>
  <si>
    <t>America's Super-Snake, 1</t>
  </si>
  <si>
    <t>Les serpents à sonnette, ou crotales, représentent l’espèce de vipère la plus évoluée sur la planète. Célèbres pour leurs attaques éclair et pour leur redoutable venin, le simple bruit de leur cascabelle, reconnaissable entre tous, suffit à tétaniser ceux qui l’entendent. Mais derrière cette infâme réputation se cache en réalité un serpent timide et sensuel, qui ne cherche qu’à assurer sa descendance. Partez à la rencontre d’un crotale diamantin de l’Ouest confronté aux défis de l’été désertique, là où seules les créatures vertébrées les plus rusées peuvent survivre.</t>
  </si>
  <si>
    <t>N0026575</t>
  </si>
  <si>
    <t>Les araignées</t>
  </si>
  <si>
    <t>NG Wild series 1</t>
  </si>
  <si>
    <t>Incredible Spiders</t>
  </si>
  <si>
    <t xml:space="preserve">C'est un oiseau ? un avion ? non c'est une araignée sauteuse. Un piège de ninja ? C'est sans aucun doute la Ctenizidae. Envie d'une dance ? Voilà surement l'araignée paon. Ce programme vous fait découvrir un monde caché dirigé par des monstres velus à huit pattes connus sous le nom d'arachnides, certaines des machines à tuer les plus efficaces et les plus diverses sur Terre. Seules des caméras ultra rapides et de somptueuses photos peuvent révéler l'immense variété des tactiques de chasse développées par ce sinistre réseau de monstres. Malgré leur apparence parfois grotesque, découvrez ce qui les rend incroyables.    </t>
  </si>
  <si>
    <t>P0796032</t>
  </si>
  <si>
    <t>Incroyables chauves-souris</t>
  </si>
  <si>
    <t>Incredible Bats</t>
  </si>
  <si>
    <t>Incredible Bats, 1</t>
  </si>
  <si>
    <t>À la tombée de la nuit, des battements d’ailes animent le ciel, inspirant parfois des cauchemars. Un mammifère sur quatre sur notre planète est une chauve-souris. Or, la peur qu’inspirent ces créatures est souvent infondée : toutes les chauves-souris ne sont pas des suceuses de sang. Seule la chauve-souris vampire, au nom équivoque, possède cette habitude effrayante qui est à l’origine de la mauvaise réputation dont souffrent toutes les autres. D’une diversité incroyable, le monde des chauves-souris est peuplé d’animaux capables d’adaptations fascinantes. Alors que les chauves-souris de l’espèce Myzopoda aurita rampent sur les feuilles, celles de l’espèce Uroderma bilobatum bâtissent leurs maisons à partir d’un matériau étonnant et les grands noctilions, également appelés « chauves-souris bouledogues », sont devenus au fil du temps d’habiles pêcheurs.</t>
  </si>
  <si>
    <t>P0811425</t>
  </si>
  <si>
    <t>Chauves-souris carnivores</t>
  </si>
  <si>
    <t>Giant Carnivorous Bats</t>
  </si>
  <si>
    <t>Giant Carnivorous Bats, 1</t>
  </si>
  <si>
    <t>Le photographe et explorateur émergent National Geographic Anand Verma s’associe au Dr Rodrigo Medellin, écologiste mondialement connu subventionné par la National Geographic Society. Ensemble, ils partent au cœur des anciennes terres mayas du sud du Mexique, à la recherche de deux énormes espèces de chauves-souris rares et carnivores, Vampyrum Spectrum et Chrotopterus Auritus.</t>
  </si>
  <si>
    <t>P0930537</t>
  </si>
  <si>
    <t>SOS Animaux Alaska: Feux ravageurs</t>
  </si>
  <si>
    <t>Fire &amp; Furry</t>
  </si>
  <si>
    <t>L’Alaska se réchauffe. Alors qu’une jeune loutre de mer recueillie échappe de justesse à un feu de forêt, un autre incendie menace une chouette très rare. Une vague de chaleur compromet la reproduction d’un troupeau de bisons des bois à l’état sauvage.</t>
  </si>
  <si>
    <t>P0837345</t>
  </si>
  <si>
    <t>Snakes In The City : Mambas nerveux</t>
  </si>
  <si>
    <t>Snakes In The City Compilations 2, 6</t>
  </si>
  <si>
    <t>P0923488</t>
  </si>
  <si>
    <t>Snakes In The City : Intrépide Siouxsie</t>
  </si>
  <si>
    <t>Summer of Siouxsie</t>
  </si>
  <si>
    <t>Sioux Gillet, l’attrapeuse de serpents la plus téméraire de Snake City, n’a pas froid aux yeux et se mesure aux plus redoutables d’entre eux. À Durban, en Afrique du Sud, elle et son petit-ami Simon capturent certains des serpents les plus dangereux au monde, avant de les relâcher en pleine nature, à l’abri des humains. Jour après jour, notre duo intrépide ne sait jamais ce qui l’attend.</t>
  </si>
  <si>
    <t>P0923922</t>
  </si>
  <si>
    <t>Snakes In The City : Contrôle au sol</t>
  </si>
  <si>
    <t>Ground Control</t>
  </si>
  <si>
    <t>La foule n’est absolument pas le lieu idéal pour les serpents les plus redoutables du monde. Une fois le fameux reptile repéré, un attroupement de curieux tend à se former, ce qui met en danger les humains, mais aussi l’animal. Simon et Sioux, nos attrapeurs de serpents professionnels, sillonnent Durban, en Afrique du Sud, à la rescousse de ces créatures sauvages rampantes. Soyez à l’affût du moindre mouvement : des cobras cracheurs, des mambas verts, des mambas noirs, des pythons, des vipères, des serpents de jungle et des serpents du Cap attendent au détour de chaque ruelle.</t>
  </si>
  <si>
    <t>P0923492</t>
  </si>
  <si>
    <t>Snakes In The City : Invasion de cobras</t>
  </si>
  <si>
    <t>Cobra Invader</t>
  </si>
  <si>
    <t>L’un des serpents les plus venimeux de la planète menace la vie d’une petite fille. Pour la sauver, nos attrapeurs professionnels, Simon Keys et Siouxsie Gillet, devront affronter le redoutable cobra cracheur du Mozambique. Mais face à l’afflux de visiteurs reptiliens dans plusieurs maisons de Durban, d’autres familles les appellent à l’aide. Nos deux compères partent à la rescousse des sœurs d’un couvent, puis d’une famille dont le toit est occupé par un mamba noir.</t>
  </si>
  <si>
    <t>P0832954</t>
  </si>
  <si>
    <t>Les animaux déraillent : Prise réussie</t>
  </si>
  <si>
    <t>Deadliest Catch</t>
  </si>
  <si>
    <t xml:space="preserve">Admirez les combats les plus féroces des espèces sauvages. Alors que les proies et leurs prédateurs luttent pour leur survie, des badauds se trouvant au bon endroit au bon moment immortalisent ces instants.
</t>
  </si>
  <si>
    <t>P0826990</t>
  </si>
  <si>
    <t>Les animaux déraillent : Prêts à tout</t>
  </si>
  <si>
    <t>Risking It All</t>
  </si>
  <si>
    <t xml:space="preserve">Partez à la rencontre de ces personnes prêtes à tout pour sauver un animal sauvage et émerveillez-vous face au courage que nécessitent ces sauvetages incroyables !
</t>
  </si>
  <si>
    <t>09/12/2020</t>
  </si>
  <si>
    <t>N0022112</t>
  </si>
  <si>
    <t>Destination Wild : Les macaques japonais</t>
  </si>
  <si>
    <t>Wild Japan: Snow Monkeys</t>
  </si>
  <si>
    <t xml:space="preserve">Les macaques japonais sont les primates les plus photographiés au monde. Des milliers de curieux viennent chaque année dans ce coin isolé des Alpes japonaises pour voir le spectacle des singes des neiges faire trempette dans leur source d'eau chaude privée. Mais ceci n'est qu'un mince aperçu de la vie de ces singes. Ce qu'ils font le reste du temps a échappé à l'oeil des caméras, jusqu'à maintenant. Pendant un an, nous rejoignons leur troupe et découvrons la véritable histoire d'un jeune singe, Hiro, et son ami chef de bande lorsqu'ils bravent les tempêtes, cherchent de la nourriture, et découvrent le sens de la famille dans la Vallée de l'enfer au Japon.  </t>
  </si>
  <si>
    <t>P0867707</t>
  </si>
  <si>
    <t>La dynastie des chiens de prairie : Petit chenapan</t>
  </si>
  <si>
    <t>The Little Rascal</t>
  </si>
  <si>
    <t>June doit s’occuper de Vince, un chiot orphelin qui tente d’intégrer son terrier. Dans les régions montagneuses, les petits intrépides de Scarlett se lancent à la poursuite de deux blaireaux et risquent le pire. Au cœur des plaines, Ruby espère que son éducation à la fois douce et ferme permettra à son fils Kip de se nourrir seul avant qu’elle n’ait plus de lait.</t>
  </si>
  <si>
    <t>P0837370</t>
  </si>
  <si>
    <t>Michelle ou la vie sauvage : Le défilé des animaux</t>
  </si>
  <si>
    <t>The Riddle of The Lynx</t>
  </si>
  <si>
    <t>Après une journée intense, un yorkshire femelle enceinte du nom de Dixie nécessite une césarienne d’urgence, maintenant le Dr Oakley en éveil toute la nuit. Mais la vétérinaire n’est pas au bout de ses surprises : à la naissance des chiots, son travail ne fait que commencer. Un lynx détient des informations précieuses, pendant qu’un mustang souffre d’un abcès au sabot qui risque de faire tomber la docteure. Ses prochains patients : des furets et un pygargue à tête blanche en passe de développer une synovite plantaire.</t>
  </si>
  <si>
    <t>P0873161</t>
  </si>
  <si>
    <t>L'incroyable Dr Pol : Champ de bétail</t>
  </si>
  <si>
    <t>Love If A Cattlefield</t>
  </si>
  <si>
    <t>Cette semaine, nos vétérinaires enfilent leur blouse pour s’occuper de bébés à fourrure, parmi lesquels une boîte remplie de chatons et un chevreau en petite forme. Mais tout n’est pas si rose : Dr Nicole découvre un bain de sang à la laiterie, Dr Brenda fait un saut à l’élevage de Rooftop Landing pour examiner un renne qui boitille et Dr Pol soigne un chat ayant frôlé la mort. Entre le défilé des bébés et les urgences de la basse-cour, l’équipe de la clinique ne sait où donner de la tête.</t>
  </si>
  <si>
    <t>P0873162</t>
  </si>
  <si>
    <t>L'incroyable Dr Pol : Nouveau départ</t>
  </si>
  <si>
    <t>A Pol New World</t>
  </si>
  <si>
    <t>Alors que l’une de nos vétérinaires préférées fait ses au revoir, une véritable ménagerie débarque à la clinique. L’équipe doit affronter des huskies, des chatons ensorceleurs, des cas épineux ainsi que le départ émouvant du Dr Emily. Dans cet épisode, préparez-vous à des courses-poursuites, des vannes et des moments de joie !</t>
  </si>
  <si>
    <t>P0946343</t>
  </si>
  <si>
    <t>Dr T, vétérinaire du Texas : Extraction épineuse</t>
  </si>
  <si>
    <t>Dr. T Lone Star Vet</t>
  </si>
  <si>
    <t>The Terrible Turkey Trot</t>
  </si>
  <si>
    <t>Entre un hérisson qui a besoin d’une extraction dentaire et une tortue de Horsfield prénommée Stoli qui refuse catégoriquement d’ingérer ses médicaments, Dr T. a du pain sur la planche ! La vétérinaire prend également sous son aile un perroquet jaco atteint d’une tumeur inquiétante qui pourrait bien lui être fatale.</t>
  </si>
  <si>
    <t>P0946342</t>
  </si>
  <si>
    <t>Dr T, vétérinaire du Texas : La mère des dragons</t>
  </si>
  <si>
    <t>Mother of Dragons</t>
  </si>
  <si>
    <t>Chaque journée au cabinet ressemble à une boîte de chocolat : quel animal passera entre les mains du Dr T. aujourd’hui ? Dans cet épisode, la vétérinaire bichonne une tortue fugueuse à la carapace fêlée et un cochon d’Inde capricieux ayant englouti une énorme pierre. Un cacatoès qui a perdu une patte trouve un foyer aimant.</t>
  </si>
  <si>
    <t>P0947833</t>
  </si>
  <si>
    <t>Dr T, vétérinaire du Texas : Pêche impossible</t>
  </si>
  <si>
    <t>Fishin' Impossible</t>
  </si>
  <si>
    <t>Préparez-vous à une journée pas comme les autres ! Dans cet épisode, le Dr T. se retrouve à devoir anesthésier un poisson en amont d’une opération. Un chinchilla boiteux nécessite une intervention orthopédique pour pouvoir mener une vie normale ; le plus petit pot du monde revient à un bébé lézard à barbe ; et un lapin au poil soyeux présente une excroissance étrange qui pourrait bien être le signe d’une maladie grave.</t>
  </si>
  <si>
    <t>P0926820</t>
  </si>
  <si>
    <t>SOS Animaux Alaska: le règne des loups</t>
  </si>
  <si>
    <t>Wolf Watch</t>
  </si>
  <si>
    <t>Dans cet épisode, nos sauveteurs animaliers sont confrontés à des cas épineux. Des blessures mystérieuses sèment le trouble au sein d’une meute de loups et mettent les soigneurs du Conservation Center dans une position délicate. L’équipe du Sealife Center sort des profondeurs un requin d’une incroyable longévité et, avec lui, une énigme à résoudre. Au Raptor Center, un pygargue à tête blanche à l’agonie doit subir une opération peu conventionnelle — une grande première pour le Dr Victoria.</t>
  </si>
  <si>
    <t>L'arche des espèces menacées :</t>
  </si>
  <si>
    <t>Photo Ark</t>
  </si>
  <si>
    <t>Go Big Or Go Home</t>
  </si>
  <si>
    <t>Joel Sartore, photographe de prédilection du National Geographic aux multiples récompenses, revient malgré une multitude d’embûches rencontrées sur le tournage de la première saison de Rare: Creatures of the Photo Ark. Pour le plus grand bonheur de près de cinq millions de spectateurs, notre photographe chevronné nous rapporte des milliers d’images indélébiles d’animaux menacés, parfois au péril de sa vie. Après avoir bien failli rester sur le carreau en partant sur les traces de l’insaisissable gorille de Cross River, au Cameroun, il a une violente altercation avec un impressionnant bécasseau, en direct à la télévision. À la recherche de nouvelles espèces de bousiers, il ne recule devant rien et passe avec enthousiasme des tas de fumier au peigne fin. Enfin, suite à la rencontre poignante entre Joel et les deux derniers représentants de leur espèce — Nabire, dernier rhinocéros blanc du Nord, et Nyango, dernier gorille de Cross River en captivité —, une lueur d’espoir surgit.</t>
  </si>
  <si>
    <t>Monkey Business</t>
  </si>
  <si>
    <t>P0771244</t>
  </si>
  <si>
    <t>L'arche des espèces menacées : Episode 1</t>
  </si>
  <si>
    <t>PhotoArk</t>
  </si>
  <si>
    <t>Photo Ark 1, 1</t>
  </si>
  <si>
    <t>Suivez Joel Sartore à Madagascar et dans les Keys de Floride tandis qu’il immortalise des animaux magnifiques et en voie d’extinction pour son projet Photo Ark, sorte d’arche de Noé photographique. En Floride, il s’intéresse au cerf des Keys, espèce qu’il a observée pour la première fois il y a 20 ans.</t>
  </si>
  <si>
    <t>P0826995</t>
  </si>
  <si>
    <t>Les animaux déraillent : La maison des animaux</t>
  </si>
  <si>
    <t>Animal House</t>
  </si>
  <si>
    <t>Redécouvrez les moments les plus fascinants du royaume animal. Des attaques menées par des prédateurs extraordinaires aux dérobades in extremis en passant par la rencontre de l’homme avec la nature, vous retrouverez les plus grands moments des Animaux déraillent, véritable spectacle mêlant horreur et comédie !</t>
  </si>
  <si>
    <t>P0826991</t>
  </si>
  <si>
    <t>Les animaux déraillent : Au mauvais endroit au mauvais moment</t>
  </si>
  <si>
    <t>Wrong Place, Wrong Time</t>
  </si>
  <si>
    <t xml:space="preserve">Un peu de bon sens n’a jamais fait de mal à personne. Que ce soit par bêtise ou par malchance, ces individus se retrouvent confrontés aux pires facettes de la nature. Ne reproduisez pas cela chez vous !
</t>
  </si>
  <si>
    <t>10/12/2020</t>
  </si>
  <si>
    <t>N0023578</t>
  </si>
  <si>
    <t>Destination Wild : Le Japon sauvage</t>
  </si>
  <si>
    <t>Japan's Wild Year</t>
  </si>
  <si>
    <t>Partez à la découverte du fabuleux archipel du Japon et de ses paysages volcaniques, au-delà de l’image bien connue des villes high-tech. Du sud tropical au nord subarctique, le pays du Soleil-Levant abrite une incroyable biodiversité. Des splendides grues aux mystérieux saros du Japon en passant par les salamandres géantes ou les ours d’Asie, découvrez les espèces incroyables qui peuplent le pays.</t>
  </si>
  <si>
    <t>P0867700</t>
  </si>
  <si>
    <t>La dynastie des chiens de prairie : Sur le chemin du retour</t>
  </si>
  <si>
    <t>Homeward Bound</t>
  </si>
  <si>
    <t>Dans le nord du Nouveau-Mexique, les chiens de prairie sont confrontés à toutes sortes de menaces. Au cœur des plaines, June est envahie par les puces. Dans les régions montagneuses, Champ paie les conséquences de querelles sans importance et la curiosité de Ponce l’amène en territoire inconnu.</t>
  </si>
  <si>
    <t>N0015114</t>
  </si>
  <si>
    <t>Superanimal : Les chasseurs de l'extrême</t>
  </si>
  <si>
    <t>Animal Superpowers</t>
  </si>
  <si>
    <t>Extreme Hunters</t>
  </si>
  <si>
    <t>Patrick Stewart examine trois espèces animales dotées de superpouvoirs. Ces prédateurs utilisent leurs sens ultra performants qui font d'eux des chasseurs hors norme. Dans l'univers aquatique, le requin marteau à une vision à 360 degrés ou presque... et pourtant, cette caractéristique n'est pas son pouvoir le plus impressionnant : ce requin hors du commun est capable de détecter les champs électromagnétiques extrêmement faibles des animaux marins et peut ainsi chasser dans le noir. Le grand cachalot peut lui, chasser les pieuvres dans des profondeurs abyssales grâce à son sonar pouvant parcourir jusqu'à 60 kilomètres ! Sur terre également certains sont capables de chasser dans le noir le plus total : de nombreuses espèces de serpents possèdent des capteurs de chaleurs qui leur permettent de voir la nuit. Leurs proies n'ont plus qu'à garder leur sang-froid !</t>
  </si>
  <si>
    <t>N0015115</t>
  </si>
  <si>
    <t>Superanimal : Les tueurs de l'extrême</t>
  </si>
  <si>
    <t>Extreme Killers</t>
  </si>
  <si>
    <t xml:space="preserve">Découvrez les superpouvoirs qui font des alligators, des faucons et des fourmis des tueurs sans merci. L'alligator est bâti comme un sous-marin et peut se tapir dans l'eau en ne laissant dépasser que ses yeux. Sa morphologie est certes un plus, mais ses véritables superpouvoirs sont sa vitesse et sa puissance : la force de sa morsure atteint 1 200 kilos ! Dans un tout autre environnement, le faucon aussi est un prédateur redoutable, capable d'une réactivité hors du commun, il fond sur ses proies et ne leur laisse aucune chance. Vous découvrirez également que la taille ne fait vraiment pas la puissance dans le monde animal car les fourmis peuvent se montrer particulièrement féroces : chez ces insectes quasiment aveugles, le superpouvoir, c'est d'avoir compris que l'union fait la force. </t>
  </si>
  <si>
    <t>N0015197</t>
  </si>
  <si>
    <t>Superanimal : Les survivants de l'extrême</t>
  </si>
  <si>
    <t>Extreme Survivors</t>
  </si>
  <si>
    <t xml:space="preserve">Si la pieuvre, l'anguille ou encore le gecko ne font pas trembler les prédateurs, ils sont pourtant des super héros de la survie dans le royaume animal. Ces trois espèces sont capables de mutations extraordinaires. La pieuvre peut changer de couleur, mais pas seulement, elle change également de texture pour mieux se camoufler. Certaines espèces vont même jusqu'à imiter d'autres animaux des fonds marins, et le résultat est bluffant. Chez les lézards le superpouvoir est un leurre différent qui pourrait bien révolutionner la science et la médecine si l'on parvenait à l'adapter à l'homme : la régénération. L'anguille aussi à ses petites ruses bien à elle : une décharge électrique de 500 volts, ou l'équivalent de doigts dans 2 prises simultanément ! </t>
  </si>
  <si>
    <t>P0807651</t>
  </si>
  <si>
    <t>Alaska : A la vie, à la mort - Le champ de bataille des Grizzlis</t>
  </si>
  <si>
    <t>Alaska's Deadliest</t>
  </si>
  <si>
    <t>Grizzly Battleground</t>
  </si>
  <si>
    <t>Difficile de trouver une région d’Amérique du Nord plus froide et plus sombre que l’Alaska en hiver. Il s’agit d’une région redoutable, où seuls les prédateurs sauvages peuvent survivre. Au terme de l’hiver, les grandes plaines de l’Alaska voient surgir des carnivores de toutes parts, privant les proies animales de refuge. Des loups traquent des caribous avec une incroyable férocité, des ours bruns se battent pour leur repas et des carcajous ne font qu’une bouchée de proies bien plus grandes qu’eux. Alaska’s deadliest livre le récit de l’une des dernières contrées sauvages de l’Amérique.</t>
  </si>
  <si>
    <t>P0807652</t>
  </si>
  <si>
    <t>Alaska : A la vie, à la mort - Le royaume des orques</t>
  </si>
  <si>
    <t>Killer Whale Kingdom</t>
  </si>
  <si>
    <t>Dans les eaux vives de l’Alaska se cachent certaines des espèces marines les plus meurtrières de la planète. Des mâchoires aux crocs acérés surgissent des eaux et répandent leur rage dans les rivières. Les rives sur l’océan ouvrent la voie aux prédateurs géants que sont les orques et taupes du Pacifique. Les eaux profondes abritent de minuscules terreurs des océans, dotées d’armes sophistiquées palliant leur taille qui leur permettent d’étourdir, de surprendre et d’empoisonner leurs proies.</t>
  </si>
  <si>
    <t>P0930536</t>
  </si>
  <si>
    <t>SOS Animaux Alaska: gare aux odeurs</t>
  </si>
  <si>
    <t>Stinky Business</t>
  </si>
  <si>
    <t>Dans cet épisode, nos sauveteurs animaliers n’hésitent pas à mettre les mains dans le cambouis. L’équipe du Raptor Center se montre prête à tout pour tirer d’affaire un corbeau englouti par un poisson. Les secouristes du Sealife Center prêtent assistance à un bébé phoque soupçonné d’avoir été contaminé par une nappe de pétrole. Au Conservation Center, un cas de blessure grave contraint un soigneur à plonger tête la première dans un étang peu ragoûtant. Sauver les animaux de l’Alaska n’est pas toujours une partie de plaisir, surtout pour les narines !</t>
  </si>
  <si>
    <t>P0832655</t>
  </si>
  <si>
    <t>L'incroyable Dr Pol : Du bon miel pour tous</t>
  </si>
  <si>
    <t>Show Me the Honey</t>
  </si>
  <si>
    <t>L’assistante vétérinaire, Katie, suit le Dr Pol dans l’espoir d’être admise à l’école vétérinaire. De son côté, Charles trépigne d’impatience à l’idée de faire goûter le fruit de son travail aux membres de la clinique : du miel frais pour tous !</t>
  </si>
  <si>
    <t>P0832656</t>
  </si>
  <si>
    <t>L'incroyable Dr Pol : Pris au dépourvu</t>
  </si>
  <si>
    <t>Pe-Pol’s Choice</t>
  </si>
  <si>
    <t>Cette semaine, Dr Pol et son équipe sont couverts d’éloges. La clinique fait face à des cas pour le moins peu banals, qui vont jusqu’à surprendre ce vétérinaire pourtant chevronné. Entre des tendons apparents, des attaques de cochons et des oiseaux de 27 ans, cette semaine n’a décidemment rien d’ordinaire !</t>
  </si>
  <si>
    <t>P0837014</t>
  </si>
  <si>
    <t>L'incroyable Dr Pol : Vétérinaire et maman</t>
  </si>
  <si>
    <t>Mamma Mia!</t>
  </si>
  <si>
    <t>Une nouvelle semaine de folie débute à la clinique du Dr Pol. Dr Emily, Dr Brenda et Dr Pol unissent leurs forces afin de soigner des patients de tout poil. Dr Emily annonce un heureux événement : alors qu’elle attend un nouvel enfant, elle se confie sur sa vie de vétérinaire et de maman.</t>
  </si>
  <si>
    <t>P0837015</t>
  </si>
  <si>
    <t>L'incroyable Dr Pol : La brigade canine débarque</t>
  </si>
  <si>
    <t>K-9 to 5</t>
  </si>
  <si>
    <t>Cette semaine, la brigade canine prend d’assaut la clinique du Dr Pol. Des chiens de toutes races défilent en continu, ne laissant pas une seconde de répit aux vétérinaires. Entre des canidés qui ne manquent pas d’imagination pour les bêtises et une situation d’extrême urgence, la pression est à son comble à la clinique !</t>
  </si>
  <si>
    <t>P0848462</t>
  </si>
  <si>
    <t>Prédateurs du crépuscule : La nuit des zombies</t>
  </si>
  <si>
    <t>Dead By Dawn</t>
  </si>
  <si>
    <t>Night of The Living Dead</t>
  </si>
  <si>
    <t>À la tombée de la nuit, l’île de Java voit émerger toutes sortes de créatures, des mammifères à écailles aux lézards volants, sorties pour se nourrir et se battre pour leur survie. Seule une poignée de privilégiés auront la chance de voir le soleil se lever.</t>
  </si>
  <si>
    <t>P0826992</t>
  </si>
  <si>
    <t>Les animaux déraillent : Comment sortir de là</t>
  </si>
  <si>
    <t>Great Escapes</t>
  </si>
  <si>
    <t xml:space="preserve">Alors que ces espèces sauvages semblent prises au piège, prêtes à mourir, une évasion inattendue leur sauve la mise. Ces magiciens désespérés prennent leur revanche sur de meurtriers prédateurs, défient les accidents et les catastrophes naturelles et s’accordent un jour de sursis.
</t>
  </si>
  <si>
    <t>11/12/2020</t>
  </si>
  <si>
    <t>P0843518</t>
  </si>
  <si>
    <t>Destination Wild : Corée - La voix de la nature</t>
  </si>
  <si>
    <t>Wild Korea</t>
  </si>
  <si>
    <t>Return To The Wild</t>
  </si>
  <si>
    <t>Haut lieu des nouvelles technologies, la Corée est connue pour sa modernité. Mais derrière l’effervescence de ses villes se cachent des terres d’une beauté naturelle saisissante ainsi que d’extraordinaires espèces sauvages. Des marais luxuriants et des vasières côtoient des montagnes majestueuses et des mers agitées. Depuis de nombreux millénaires, le somptueux autour des palombes, le grand dauphin et le curieux chien viverrin cohabitent avec le peuple traditionnel de Corée.</t>
  </si>
  <si>
    <t>P0867696</t>
  </si>
  <si>
    <t>La dynastie des chiens de prairie : Un flot d’ennuis</t>
  </si>
  <si>
    <t>A Flood of Trouble</t>
  </si>
  <si>
    <t>La saison des pluies s’abat sur Dogtown. Alors que Scarlett et sa famille s’empressent de consolider leur terrier avant la montée des eaux, des invités inattendus débarquent avant l’arrivée de la tempête. Au cœur des plaines, Pelt est en quête d’un territoire et d’un terrier qui lui appartiennent mais doit d’abord survivre à sa première tempête, seul et démuni.</t>
  </si>
  <si>
    <t>P0837372</t>
  </si>
  <si>
    <t>Michelle ou la vie sauvage : Les ours suédois</t>
  </si>
  <si>
    <t>Swedish Bears</t>
  </si>
  <si>
    <t>Le Dr Oakley part pour la Suède afin de recueillir des informations essentielles sur la population d’ours bruns. Mais ces ours semblent bien décidés à résister au fusil anesthésiant destiné à les tranquilliser. Le chien Barney présente une curieuse bosse autour de l’œil, laquelle pourrait bien poser une colle à la vétérinaire. Un autre chien souffre de la douleur dite du membre fantôme, tandis qu’un troisième se fait mordre par un prédateur. Le Dr Oakley offre à Warrior le faucon une pédicure ainsi qu’un épointage du bec. Enfin, Frank la tortue cache une petite surprise dans sa carapace.</t>
  </si>
  <si>
    <t>N0012055</t>
  </si>
  <si>
    <t>Great Migrations : Avancer pour vivre</t>
  </si>
  <si>
    <t>Great Migrations</t>
  </si>
  <si>
    <t>Born To Move</t>
  </si>
  <si>
    <t xml:space="preserve">Chaque migration est un voyage inscrit dans les gènes de ces millions d'animaux, un héritage des générations précédentes qui doit sans cesse être perpétué. La migration n'est pas un choix, c'est un besoin inné qui garantit la préservation de l'espèce. </t>
  </si>
  <si>
    <t>N0012058</t>
  </si>
  <si>
    <t>Great Migrations : Assurer sa descendance</t>
  </si>
  <si>
    <t>Need To Breed</t>
  </si>
  <si>
    <t>La nécessité de procréer oblige des générations entières à risquer leur vie. La migration pousse ainsi des milliards de créatures à entreprendre un tortueux périple vers le lieu où elles se reproduiront. Le combat pour assurer la survie de l'espèce s'engage chaque année des océans à la savane.</t>
  </si>
  <si>
    <t>N0012059</t>
  </si>
  <si>
    <t>Great Migrations : Combattre pour survivre</t>
  </si>
  <si>
    <t>Race To Survive</t>
  </si>
  <si>
    <t>La migration est une véritable course contre la montre. Les saisons changent, et avec elles surviennent des températures glaciales ou une chaleur étouffante. Des milliards de créatures doivent ainsi courir se mettre à l'abri de ces changements, tout en échappant à de dangereux prédateurs. Pourtant, les paradis terrestres se font de plus en plus rares, ce qui oblige les animaux à garder toujours une longueur d'avance sur l'évolution de la planète.</t>
  </si>
  <si>
    <t>N0012056</t>
  </si>
  <si>
    <t>Great Migrations : Lutter pour se nourrir</t>
  </si>
  <si>
    <t>Feast Or Famine</t>
  </si>
  <si>
    <t>La quête annuelle de plus verts pâturages impliquent une vraie bataille pour la survie. D'innombrables hordes et troupeaux se lancent à la recherche de nourriture, alors que les prédateurs, tout aussi affamés, rôdent. Eléphants du Mali, Grands Blancs et méduses dorées de Palau, toutes ces espèces aux migrations variées allant d'une journée à plusieurs mois se déplacent constamment à la recherche de nourriture.</t>
  </si>
  <si>
    <t>N0012053</t>
  </si>
  <si>
    <t>Great Migrations : Le making of</t>
  </si>
  <si>
    <t>Great Migrations: Behind The Scenes</t>
  </si>
  <si>
    <t>Great Migrations: Behind The Scenes, 1</t>
  </si>
  <si>
    <t>Le making of de Great Migrations nous raconte les énormes efforts et déplacements entrepris par les équipes de National Geographic pour filmer les aventures de tous ces animaux en mouvement. La camerawoman Justine Evans a passé 14 heures par jour pendant un long mois à 45 mètres du sol, dans une forêt de Bornéo, afin de filmer les primates vivant dans les cimaises. Pendant ce temps, ses collaborateurs s'efforçaient de créer une plateforme en suspension dans la canopée afin de filmer les lieux en un travelling de 90 mètres. Découvrez ces nombreuses et incroyables histoires de tournage qui montrent l'ampleur du travail des experts de National Geographic pour réaliser Great Migrations.</t>
  </si>
  <si>
    <t>P0926821</t>
  </si>
  <si>
    <t>SOS Animaux Alaska: prends ton envol</t>
  </si>
  <si>
    <t>Fly Like An Eagle</t>
  </si>
  <si>
    <t>L’Alaska connaît une explosion de naissances. Les secouristes de l’Alaska SeaLife Center partent à la rescousse d’un bébé loutre de mer séparé de sa mère. S’il se porte bien, il aura tout de même besoin de soins permanents, 24h/24 et 7j/7. De son côté, l’Alaska Raptor Center voit débarquer un aiglon pygargue à tête blanche tombé du nid. L’équipe doit également porter secours à un aigle blessé et abandonné ayant perdu un combat. À l’Alaska Wildlife Conservation Center, deux renardeaux voient leurs conditions de vie s’améliorer. Avant de faire le grand saut, il leur faudra apprendre tous les stratagèmes indispensables à leur survie en pleine nature.</t>
  </si>
  <si>
    <t>N0028240</t>
  </si>
  <si>
    <t>Urgences Animales: Un malheureux accident</t>
  </si>
  <si>
    <t>Animal ER</t>
  </si>
  <si>
    <t>Toy Trauma</t>
  </si>
  <si>
    <t xml:space="preserve">Aries, un mouflon canadien sauvé arrive à la clinique avec une patte de devant en mauvais état suite à l’attaque d’un chien. Kiki, un Cacatoès blanc âgé de 12 ans, a besoin d’une opération chirurgicale pour soigner un prolapsus du cloaque. Leo, un croisement entre un terrier et un chihuahua, débarque aux urgences de la clinique après que son propriétaire l’ait écrasé par accident. Malheureusement, ses blessures sont beaucoup trop graves et il meurt. Ronny, un chien policier de 6 ans bénéficie d’une prothèse dentaire pour réparer une dent cassée. Enfin, deux reptiles sauvés arrivent à la clinique : Jeffrey, une tortue sillonnée, et Rio, un tégu, arborent des preuves de maltraitance. Après quelques soins superficiels de la part de l’équipe des volatiles et des animaux exotiques de la clinique, ils sont tous les deux renvoyés chez eux revigorés et prêts à être adoptés. 
</t>
  </si>
  <si>
    <t>P0848463</t>
  </si>
  <si>
    <t>Prédateurs du crépuscule : Désert extrême</t>
  </si>
  <si>
    <t>The Hills Have Eyes</t>
  </si>
  <si>
    <t>À la tombée de la nuit, les dunes du désert d’Arabie voient surgir des animaux extraordinaires adaptés à cet environnement extrême, des lézards qui serpentent sous le sable aux araignées capables de filer à 16 km/h.</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3">
    <fill>
      <patternFill patternType="none"/>
    </fill>
    <fill>
      <patternFill patternType="gray125"/>
    </fill>
    <fill>
      <patternFill patternType="solid">
        <fgColor rgb="FFFFFF0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9">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xf numFmtId="0" fontId="4" fillId="2" borderId="1" xfId="0" applyNumberFormat="1" applyFont="1" applyFill="1" applyBorder="1" applyAlignment="1">
      <alignment vertical="top" wrapText="1" readingOrder="1"/>
    </xf>
    <xf numFmtId="0" fontId="1" fillId="2" borderId="0" xfId="0" applyFont="1" applyFill="1" applyBorder="1"/>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3"/>
  <sheetViews>
    <sheetView showGridLines="0" tabSelected="1" topLeftCell="A96" workbookViewId="0">
      <selection activeCell="E105" sqref="E105"/>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t="s">
        <v>15</v>
      </c>
      <c r="D3" s="2" t="s">
        <v>16</v>
      </c>
      <c r="E3" s="2" t="s">
        <v>17</v>
      </c>
      <c r="F3" s="2" t="s">
        <v>18</v>
      </c>
      <c r="G3" s="3">
        <v>3</v>
      </c>
      <c r="H3" s="2" t="s">
        <v>19</v>
      </c>
      <c r="I3" s="3">
        <v>2014</v>
      </c>
      <c r="J3" s="2" t="s">
        <v>20</v>
      </c>
      <c r="K3" s="2"/>
      <c r="L3" s="2" t="s">
        <v>21</v>
      </c>
    </row>
    <row r="4" spans="1:12" ht="15.2" customHeight="1">
      <c r="A4" s="2" t="s">
        <v>13</v>
      </c>
      <c r="B4" s="2" t="s">
        <v>22</v>
      </c>
      <c r="C4" s="2" t="s">
        <v>23</v>
      </c>
      <c r="D4" s="2" t="s">
        <v>24</v>
      </c>
      <c r="E4" s="2" t="s">
        <v>17</v>
      </c>
      <c r="F4" s="2" t="s">
        <v>25</v>
      </c>
      <c r="G4" s="3">
        <v>4</v>
      </c>
      <c r="H4" s="2" t="s">
        <v>26</v>
      </c>
      <c r="I4" s="3">
        <v>2014</v>
      </c>
      <c r="J4" s="2" t="s">
        <v>20</v>
      </c>
      <c r="K4" s="2"/>
      <c r="L4" s="2" t="s">
        <v>27</v>
      </c>
    </row>
    <row r="5" spans="1:12" ht="15.2" customHeight="1">
      <c r="A5" s="2" t="s">
        <v>13</v>
      </c>
      <c r="B5" s="2" t="s">
        <v>28</v>
      </c>
      <c r="C5" s="2" t="s">
        <v>29</v>
      </c>
      <c r="D5" s="2" t="s">
        <v>30</v>
      </c>
      <c r="E5" s="2" t="s">
        <v>31</v>
      </c>
      <c r="F5" s="2" t="s">
        <v>32</v>
      </c>
      <c r="G5" s="3">
        <v>3</v>
      </c>
      <c r="H5" s="2" t="s">
        <v>19</v>
      </c>
      <c r="I5" s="3">
        <v>2018</v>
      </c>
      <c r="J5" s="2" t="s">
        <v>33</v>
      </c>
      <c r="K5" s="2"/>
      <c r="L5" s="2"/>
    </row>
    <row r="6" spans="1:12" ht="15.2" customHeight="1">
      <c r="A6" s="2" t="s">
        <v>13</v>
      </c>
      <c r="B6" s="2" t="s">
        <v>34</v>
      </c>
      <c r="C6" s="2" t="s">
        <v>35</v>
      </c>
      <c r="D6" s="2" t="s">
        <v>36</v>
      </c>
      <c r="E6" s="2" t="s">
        <v>31</v>
      </c>
      <c r="F6" s="2" t="s">
        <v>37</v>
      </c>
      <c r="G6" s="3">
        <v>4</v>
      </c>
      <c r="H6" s="2" t="s">
        <v>19</v>
      </c>
      <c r="I6" s="3">
        <v>2018</v>
      </c>
      <c r="J6" s="2" t="s">
        <v>33</v>
      </c>
      <c r="K6" s="2"/>
      <c r="L6" s="2"/>
    </row>
    <row r="7" spans="1:12" ht="15.2" customHeight="1">
      <c r="A7" s="2" t="s">
        <v>13</v>
      </c>
      <c r="B7" s="2" t="s">
        <v>38</v>
      </c>
      <c r="C7" s="2" t="s">
        <v>39</v>
      </c>
      <c r="D7" s="2" t="s">
        <v>40</v>
      </c>
      <c r="E7" s="2" t="s">
        <v>31</v>
      </c>
      <c r="F7" s="2" t="s">
        <v>41</v>
      </c>
      <c r="G7" s="3">
        <v>5</v>
      </c>
      <c r="H7" s="2" t="s">
        <v>19</v>
      </c>
      <c r="I7" s="3">
        <v>2018</v>
      </c>
      <c r="J7" s="2" t="s">
        <v>33</v>
      </c>
      <c r="K7" s="2"/>
      <c r="L7" s="2"/>
    </row>
    <row r="8" spans="1:12" ht="15.2" customHeight="1">
      <c r="A8" s="2" t="s">
        <v>13</v>
      </c>
      <c r="B8" s="2" t="s">
        <v>42</v>
      </c>
      <c r="C8" s="2" t="s">
        <v>43</v>
      </c>
      <c r="D8" s="2" t="s">
        <v>44</v>
      </c>
      <c r="E8" s="2" t="s">
        <v>45</v>
      </c>
      <c r="F8" s="2" t="s">
        <v>46</v>
      </c>
      <c r="G8" s="3">
        <v>5</v>
      </c>
      <c r="H8" s="2" t="s">
        <v>19</v>
      </c>
      <c r="I8" s="3">
        <v>2015</v>
      </c>
      <c r="J8" s="2" t="s">
        <v>33</v>
      </c>
      <c r="K8" s="2"/>
      <c r="L8" s="2" t="s">
        <v>47</v>
      </c>
    </row>
    <row r="9" spans="1:12" ht="15.2" customHeight="1">
      <c r="A9" s="2" t="s">
        <v>13</v>
      </c>
      <c r="B9" s="2" t="s">
        <v>48</v>
      </c>
      <c r="C9" s="2" t="s">
        <v>49</v>
      </c>
      <c r="D9" s="2" t="s">
        <v>50</v>
      </c>
      <c r="E9" s="2" t="s">
        <v>51</v>
      </c>
      <c r="F9" s="2" t="s">
        <v>52</v>
      </c>
      <c r="G9" s="3">
        <v>4</v>
      </c>
      <c r="H9" s="2" t="s">
        <v>19</v>
      </c>
      <c r="I9" s="3">
        <v>2019</v>
      </c>
      <c r="J9" s="2" t="s">
        <v>20</v>
      </c>
      <c r="K9" s="2"/>
      <c r="L9" s="2" t="s">
        <v>53</v>
      </c>
    </row>
    <row r="10" spans="1:12" ht="15.2" customHeight="1">
      <c r="A10" s="2" t="s">
        <v>13</v>
      </c>
      <c r="B10" s="2" t="s">
        <v>54</v>
      </c>
      <c r="C10" s="2" t="s">
        <v>55</v>
      </c>
      <c r="D10" s="2" t="s">
        <v>56</v>
      </c>
      <c r="E10" s="2" t="s">
        <v>51</v>
      </c>
      <c r="F10" s="2" t="s">
        <v>57</v>
      </c>
      <c r="G10" s="3">
        <v>5</v>
      </c>
      <c r="H10" s="2" t="s">
        <v>19</v>
      </c>
      <c r="I10" s="3">
        <v>2019</v>
      </c>
      <c r="J10" s="2" t="s">
        <v>20</v>
      </c>
      <c r="K10" s="2"/>
      <c r="L10" s="2" t="s">
        <v>58</v>
      </c>
    </row>
    <row r="11" spans="1:12" ht="15.2" customHeight="1">
      <c r="A11" s="2" t="s">
        <v>13</v>
      </c>
      <c r="B11" s="2" t="s">
        <v>59</v>
      </c>
      <c r="C11" s="2" t="s">
        <v>60</v>
      </c>
      <c r="D11" s="2" t="s">
        <v>61</v>
      </c>
      <c r="E11" s="2" t="s">
        <v>51</v>
      </c>
      <c r="F11" s="2" t="s">
        <v>62</v>
      </c>
      <c r="G11" s="3">
        <v>6</v>
      </c>
      <c r="H11" s="2" t="s">
        <v>19</v>
      </c>
      <c r="I11" s="3">
        <v>2019</v>
      </c>
      <c r="J11" s="2" t="s">
        <v>20</v>
      </c>
      <c r="K11" s="2"/>
      <c r="L11" s="2" t="s">
        <v>63</v>
      </c>
    </row>
    <row r="12" spans="1:12" ht="15.2" customHeight="1">
      <c r="A12" s="2" t="s">
        <v>13</v>
      </c>
      <c r="B12" s="2" t="s">
        <v>64</v>
      </c>
      <c r="C12" s="2" t="s">
        <v>65</v>
      </c>
      <c r="D12" s="2" t="s">
        <v>66</v>
      </c>
      <c r="E12" s="2" t="s">
        <v>67</v>
      </c>
      <c r="F12" s="2" t="s">
        <v>68</v>
      </c>
      <c r="G12" s="3">
        <v>1</v>
      </c>
      <c r="H12" s="2" t="s">
        <v>19</v>
      </c>
      <c r="I12" s="3">
        <v>2019</v>
      </c>
      <c r="J12" s="2" t="s">
        <v>20</v>
      </c>
      <c r="K12" s="2"/>
      <c r="L12" s="2" t="s">
        <v>69</v>
      </c>
    </row>
    <row r="13" spans="1:12" ht="15.2" customHeight="1">
      <c r="A13" s="2" t="s">
        <v>13</v>
      </c>
      <c r="B13" s="2" t="s">
        <v>70</v>
      </c>
      <c r="C13" s="2" t="s">
        <v>71</v>
      </c>
      <c r="D13" s="2" t="s">
        <v>72</v>
      </c>
      <c r="E13" s="2" t="s">
        <v>73</v>
      </c>
      <c r="F13" s="2" t="s">
        <v>74</v>
      </c>
      <c r="G13" s="3">
        <v>1</v>
      </c>
      <c r="H13" s="2" t="s">
        <v>75</v>
      </c>
      <c r="I13" s="3">
        <v>2018</v>
      </c>
      <c r="J13" s="2" t="s">
        <v>20</v>
      </c>
      <c r="K13" s="2"/>
      <c r="L13" s="2" t="s">
        <v>76</v>
      </c>
    </row>
    <row r="14" spans="1:12" ht="15.2" customHeight="1">
      <c r="A14" s="2" t="s">
        <v>13</v>
      </c>
      <c r="B14" s="2" t="s">
        <v>77</v>
      </c>
      <c r="C14" s="2" t="s">
        <v>78</v>
      </c>
      <c r="D14" s="2" t="s">
        <v>79</v>
      </c>
      <c r="E14" s="2" t="s">
        <v>80</v>
      </c>
      <c r="F14" s="2" t="s">
        <v>81</v>
      </c>
      <c r="G14" s="3">
        <v>1</v>
      </c>
      <c r="H14" s="2" t="s">
        <v>82</v>
      </c>
      <c r="I14" s="3">
        <v>2019</v>
      </c>
      <c r="J14" s="2" t="s">
        <v>20</v>
      </c>
      <c r="K14" s="2"/>
      <c r="L14" s="2" t="s">
        <v>83</v>
      </c>
    </row>
    <row r="15" spans="1:12" ht="15.2" customHeight="1">
      <c r="A15" s="2" t="s">
        <v>13</v>
      </c>
      <c r="B15" s="2" t="s">
        <v>84</v>
      </c>
      <c r="C15" s="2" t="s">
        <v>85</v>
      </c>
      <c r="D15" s="2" t="s">
        <v>86</v>
      </c>
      <c r="E15" s="2" t="s">
        <v>87</v>
      </c>
      <c r="F15" s="2" t="s">
        <v>88</v>
      </c>
      <c r="G15" s="3">
        <v>1</v>
      </c>
      <c r="H15" s="2" t="s">
        <v>89</v>
      </c>
      <c r="I15" s="3">
        <v>2019</v>
      </c>
      <c r="J15" s="2" t="s">
        <v>90</v>
      </c>
      <c r="K15" s="2"/>
      <c r="L15" s="2" t="s">
        <v>91</v>
      </c>
    </row>
    <row r="16" spans="1:12" ht="15.2" customHeight="1">
      <c r="A16" s="2" t="s">
        <v>13</v>
      </c>
      <c r="B16" s="2" t="s">
        <v>92</v>
      </c>
      <c r="C16" s="2" t="s">
        <v>93</v>
      </c>
      <c r="D16" s="2" t="s">
        <v>94</v>
      </c>
      <c r="E16" s="2" t="s">
        <v>95</v>
      </c>
      <c r="F16" s="2" t="s">
        <v>96</v>
      </c>
      <c r="G16" s="3">
        <v>8</v>
      </c>
      <c r="H16" s="2" t="s">
        <v>26</v>
      </c>
      <c r="I16" s="3">
        <v>2019</v>
      </c>
      <c r="J16" s="2" t="s">
        <v>20</v>
      </c>
      <c r="K16" s="2"/>
      <c r="L16" s="2" t="s">
        <v>97</v>
      </c>
    </row>
    <row r="17" spans="1:12" ht="15.2" customHeight="1">
      <c r="A17" s="2" t="s">
        <v>13</v>
      </c>
      <c r="B17" s="2" t="s">
        <v>98</v>
      </c>
      <c r="C17" s="2" t="s">
        <v>99</v>
      </c>
      <c r="D17" s="2" t="s">
        <v>100</v>
      </c>
      <c r="E17" s="2" t="s">
        <v>95</v>
      </c>
      <c r="F17" s="2" t="s">
        <v>101</v>
      </c>
      <c r="G17" s="3">
        <v>9</v>
      </c>
      <c r="H17" s="2" t="s">
        <v>26</v>
      </c>
      <c r="I17" s="3">
        <v>2019</v>
      </c>
      <c r="J17" s="2" t="s">
        <v>20</v>
      </c>
      <c r="K17" s="2"/>
      <c r="L17" s="2" t="s">
        <v>102</v>
      </c>
    </row>
    <row r="18" spans="1:12" ht="15.2" customHeight="1">
      <c r="A18" s="2" t="s">
        <v>13</v>
      </c>
      <c r="B18" s="2" t="s">
        <v>103</v>
      </c>
      <c r="C18" s="2" t="s">
        <v>104</v>
      </c>
      <c r="D18" s="2" t="s">
        <v>105</v>
      </c>
      <c r="E18" s="2" t="s">
        <v>106</v>
      </c>
      <c r="F18" s="2" t="s">
        <v>107</v>
      </c>
      <c r="G18" s="3">
        <v>3</v>
      </c>
      <c r="H18" s="2" t="s">
        <v>26</v>
      </c>
      <c r="I18" s="3">
        <v>2017</v>
      </c>
      <c r="J18" s="2" t="s">
        <v>20</v>
      </c>
      <c r="K18" s="2"/>
      <c r="L18" s="2" t="s">
        <v>108</v>
      </c>
    </row>
    <row r="19" spans="1:12" ht="15.2" customHeight="1">
      <c r="A19" s="2" t="s">
        <v>13</v>
      </c>
      <c r="B19" s="2" t="s">
        <v>109</v>
      </c>
      <c r="C19" s="2" t="s">
        <v>110</v>
      </c>
      <c r="D19" s="2" t="s">
        <v>111</v>
      </c>
      <c r="E19" s="2" t="s">
        <v>106</v>
      </c>
      <c r="F19" s="2" t="s">
        <v>112</v>
      </c>
      <c r="G19" s="3">
        <v>4</v>
      </c>
      <c r="H19" s="2" t="s">
        <v>26</v>
      </c>
      <c r="I19" s="3">
        <v>2017</v>
      </c>
      <c r="J19" s="2" t="s">
        <v>20</v>
      </c>
      <c r="K19" s="2"/>
      <c r="L19" s="2" t="s">
        <v>113</v>
      </c>
    </row>
    <row r="20" spans="1:12" ht="15.2" customHeight="1">
      <c r="A20" s="2" t="s">
        <v>13</v>
      </c>
      <c r="B20" s="2" t="s">
        <v>114</v>
      </c>
      <c r="C20" s="2" t="s">
        <v>115</v>
      </c>
      <c r="D20" s="2" t="s">
        <v>116</v>
      </c>
      <c r="E20" s="2" t="s">
        <v>17</v>
      </c>
      <c r="F20" s="2" t="s">
        <v>117</v>
      </c>
      <c r="G20" s="3">
        <v>5</v>
      </c>
      <c r="H20" s="2" t="s">
        <v>26</v>
      </c>
      <c r="I20" s="3">
        <v>2014</v>
      </c>
      <c r="J20" s="2" t="s">
        <v>20</v>
      </c>
      <c r="K20" s="2"/>
      <c r="L20" s="2" t="s">
        <v>118</v>
      </c>
    </row>
    <row r="21" spans="1:12" ht="15.2" customHeight="1">
      <c r="A21" s="2" t="s">
        <v>13</v>
      </c>
      <c r="B21" s="2" t="s">
        <v>119</v>
      </c>
      <c r="C21" s="2" t="s">
        <v>120</v>
      </c>
      <c r="D21" s="2" t="s">
        <v>121</v>
      </c>
      <c r="E21" s="2" t="s">
        <v>17</v>
      </c>
      <c r="F21" s="2" t="s">
        <v>122</v>
      </c>
      <c r="G21" s="3">
        <v>6</v>
      </c>
      <c r="H21" s="2" t="s">
        <v>19</v>
      </c>
      <c r="I21" s="3">
        <v>2014</v>
      </c>
      <c r="J21" s="2" t="s">
        <v>20</v>
      </c>
      <c r="K21" s="2"/>
      <c r="L21" s="2" t="s">
        <v>123</v>
      </c>
    </row>
    <row r="22" spans="1:12" ht="15.2" customHeight="1">
      <c r="A22" s="2" t="s">
        <v>13</v>
      </c>
      <c r="B22" s="2" t="s">
        <v>124</v>
      </c>
      <c r="C22" s="2"/>
      <c r="D22" s="2" t="s">
        <v>125</v>
      </c>
      <c r="E22" s="2" t="s">
        <v>126</v>
      </c>
      <c r="F22" s="2" t="s">
        <v>127</v>
      </c>
      <c r="G22" s="3">
        <v>9</v>
      </c>
      <c r="H22" s="2" t="s">
        <v>75</v>
      </c>
      <c r="I22" s="3">
        <v>2019</v>
      </c>
      <c r="J22" s="2" t="s">
        <v>20</v>
      </c>
      <c r="K22" s="2"/>
      <c r="L22" s="2" t="s">
        <v>128</v>
      </c>
    </row>
    <row r="23" spans="1:12" ht="15.2" customHeight="1">
      <c r="A23" s="2" t="s">
        <v>13</v>
      </c>
      <c r="B23" s="2" t="s">
        <v>129</v>
      </c>
      <c r="C23" s="2"/>
      <c r="D23" s="2" t="s">
        <v>130</v>
      </c>
      <c r="E23" s="2" t="s">
        <v>126</v>
      </c>
      <c r="F23" s="2" t="s">
        <v>131</v>
      </c>
      <c r="G23" s="3">
        <v>10</v>
      </c>
      <c r="H23" s="2" t="s">
        <v>75</v>
      </c>
      <c r="I23" s="3">
        <v>2019</v>
      </c>
      <c r="J23" s="2" t="s">
        <v>20</v>
      </c>
      <c r="K23" s="2"/>
      <c r="L23" s="2" t="s">
        <v>128</v>
      </c>
    </row>
    <row r="24" spans="1:12" ht="15.2" customHeight="1">
      <c r="A24" s="2" t="s">
        <v>13</v>
      </c>
      <c r="B24" s="2" t="s">
        <v>132</v>
      </c>
      <c r="C24" s="2" t="s">
        <v>133</v>
      </c>
      <c r="D24" s="2" t="s">
        <v>134</v>
      </c>
      <c r="E24" s="2" t="s">
        <v>126</v>
      </c>
      <c r="F24" s="2" t="s">
        <v>135</v>
      </c>
      <c r="G24" s="3">
        <v>5</v>
      </c>
      <c r="H24" s="2" t="s">
        <v>26</v>
      </c>
      <c r="I24" s="3">
        <v>2018</v>
      </c>
      <c r="J24" s="2" t="s">
        <v>20</v>
      </c>
      <c r="K24" s="2"/>
      <c r="L24" s="2" t="s">
        <v>136</v>
      </c>
    </row>
    <row r="25" spans="1:12" ht="15.2" customHeight="1">
      <c r="A25" s="2" t="s">
        <v>13</v>
      </c>
      <c r="B25" s="2" t="s">
        <v>137</v>
      </c>
      <c r="C25" s="2" t="s">
        <v>138</v>
      </c>
      <c r="D25" s="2" t="s">
        <v>139</v>
      </c>
      <c r="E25" s="2" t="s">
        <v>140</v>
      </c>
      <c r="F25" s="2" t="s">
        <v>141</v>
      </c>
      <c r="G25" s="3">
        <v>1</v>
      </c>
      <c r="H25" s="2" t="s">
        <v>19</v>
      </c>
      <c r="I25" s="3">
        <v>2017</v>
      </c>
      <c r="J25" s="2" t="s">
        <v>20</v>
      </c>
      <c r="K25" s="2"/>
      <c r="L25" s="2" t="s">
        <v>142</v>
      </c>
    </row>
    <row r="26" spans="1:12" ht="15.2" customHeight="1">
      <c r="A26" s="2" t="s">
        <v>13</v>
      </c>
      <c r="B26" s="2" t="s">
        <v>143</v>
      </c>
      <c r="C26" s="2" t="s">
        <v>144</v>
      </c>
      <c r="D26" s="2" t="s">
        <v>145</v>
      </c>
      <c r="E26" s="2" t="s">
        <v>146</v>
      </c>
      <c r="F26" s="2" t="s">
        <v>147</v>
      </c>
      <c r="G26" s="3">
        <v>1</v>
      </c>
      <c r="H26" s="2" t="s">
        <v>75</v>
      </c>
      <c r="I26" s="3">
        <v>2011</v>
      </c>
      <c r="J26" s="2" t="s">
        <v>148</v>
      </c>
      <c r="K26" s="2"/>
      <c r="L26" s="2" t="s">
        <v>149</v>
      </c>
    </row>
    <row r="27" spans="1:12" ht="15.2" customHeight="1">
      <c r="A27" s="2" t="s">
        <v>13</v>
      </c>
      <c r="B27" s="2" t="s">
        <v>150</v>
      </c>
      <c r="C27" s="2" t="s">
        <v>151</v>
      </c>
      <c r="D27" s="2" t="s">
        <v>152</v>
      </c>
      <c r="E27" s="2" t="s">
        <v>153</v>
      </c>
      <c r="F27" s="2" t="s">
        <v>154</v>
      </c>
      <c r="G27" s="3">
        <v>1</v>
      </c>
      <c r="H27" s="2" t="s">
        <v>75</v>
      </c>
      <c r="I27" s="3">
        <v>2019</v>
      </c>
      <c r="J27" s="2" t="s">
        <v>148</v>
      </c>
      <c r="K27" s="2"/>
      <c r="L27" s="2" t="s">
        <v>155</v>
      </c>
    </row>
    <row r="28" spans="1:12" ht="15.2" customHeight="1">
      <c r="A28" s="2" t="s">
        <v>13</v>
      </c>
      <c r="B28" s="2" t="s">
        <v>156</v>
      </c>
      <c r="C28" s="2" t="s">
        <v>157</v>
      </c>
      <c r="D28" s="2" t="s">
        <v>158</v>
      </c>
      <c r="E28" s="2" t="s">
        <v>153</v>
      </c>
      <c r="F28" s="2" t="s">
        <v>159</v>
      </c>
      <c r="G28" s="3">
        <v>2</v>
      </c>
      <c r="H28" s="2" t="s">
        <v>75</v>
      </c>
      <c r="I28" s="3">
        <v>2019</v>
      </c>
      <c r="J28" s="2" t="s">
        <v>148</v>
      </c>
      <c r="K28" s="2"/>
      <c r="L28" s="2" t="s">
        <v>160</v>
      </c>
    </row>
    <row r="29" spans="1:12" ht="15.2" customHeight="1">
      <c r="A29" s="2" t="s">
        <v>13</v>
      </c>
      <c r="B29" s="2" t="s">
        <v>161</v>
      </c>
      <c r="C29" s="2" t="s">
        <v>162</v>
      </c>
      <c r="D29" s="2" t="s">
        <v>163</v>
      </c>
      <c r="E29" s="2" t="s">
        <v>164</v>
      </c>
      <c r="F29" s="2" t="s">
        <v>165</v>
      </c>
      <c r="G29" s="3">
        <v>1</v>
      </c>
      <c r="H29" s="2" t="s">
        <v>166</v>
      </c>
      <c r="I29" s="3">
        <v>2018</v>
      </c>
      <c r="J29" s="2" t="s">
        <v>20</v>
      </c>
      <c r="K29" s="2"/>
      <c r="L29" s="2" t="s">
        <v>167</v>
      </c>
    </row>
    <row r="30" spans="1:12" ht="15.2" customHeight="1">
      <c r="A30" s="2" t="s">
        <v>13</v>
      </c>
      <c r="B30" s="2" t="s">
        <v>168</v>
      </c>
      <c r="C30" s="2" t="s">
        <v>29</v>
      </c>
      <c r="D30" s="2" t="s">
        <v>30</v>
      </c>
      <c r="E30" s="2" t="s">
        <v>31</v>
      </c>
      <c r="F30" s="2" t="s">
        <v>32</v>
      </c>
      <c r="G30" s="3">
        <v>3</v>
      </c>
      <c r="H30" s="2" t="s">
        <v>19</v>
      </c>
      <c r="I30" s="3">
        <v>2018</v>
      </c>
      <c r="J30" s="2" t="s">
        <v>33</v>
      </c>
      <c r="K30" s="2"/>
      <c r="L30" s="2"/>
    </row>
    <row r="31" spans="1:12" ht="15.2" customHeight="1">
      <c r="A31" s="2" t="s">
        <v>13</v>
      </c>
      <c r="B31" s="2" t="s">
        <v>169</v>
      </c>
      <c r="C31" s="2" t="s">
        <v>35</v>
      </c>
      <c r="D31" s="2" t="s">
        <v>36</v>
      </c>
      <c r="E31" s="2" t="s">
        <v>31</v>
      </c>
      <c r="F31" s="2" t="s">
        <v>37</v>
      </c>
      <c r="G31" s="3">
        <v>4</v>
      </c>
      <c r="H31" s="2" t="s">
        <v>19</v>
      </c>
      <c r="I31" s="3">
        <v>2018</v>
      </c>
      <c r="J31" s="2" t="s">
        <v>33</v>
      </c>
      <c r="K31" s="2"/>
      <c r="L31" s="2"/>
    </row>
    <row r="32" spans="1:12" ht="15.2" customHeight="1">
      <c r="A32" s="2" t="s">
        <v>13</v>
      </c>
      <c r="B32" s="2" t="s">
        <v>170</v>
      </c>
      <c r="C32" s="2" t="s">
        <v>115</v>
      </c>
      <c r="D32" s="2" t="s">
        <v>116</v>
      </c>
      <c r="E32" s="2" t="s">
        <v>17</v>
      </c>
      <c r="F32" s="2" t="s">
        <v>117</v>
      </c>
      <c r="G32" s="3">
        <v>5</v>
      </c>
      <c r="H32" s="2" t="s">
        <v>26</v>
      </c>
      <c r="I32" s="3">
        <v>2014</v>
      </c>
      <c r="J32" s="2" t="s">
        <v>20</v>
      </c>
      <c r="K32" s="2"/>
      <c r="L32" s="2" t="s">
        <v>118</v>
      </c>
    </row>
    <row r="33" spans="1:12" ht="15.2" customHeight="1">
      <c r="A33" s="2" t="s">
        <v>171</v>
      </c>
      <c r="B33" s="2" t="s">
        <v>14</v>
      </c>
      <c r="C33" s="2" t="s">
        <v>172</v>
      </c>
      <c r="D33" s="2" t="s">
        <v>173</v>
      </c>
      <c r="E33" s="2" t="s">
        <v>106</v>
      </c>
      <c r="F33" s="2" t="s">
        <v>174</v>
      </c>
      <c r="G33" s="3">
        <v>9</v>
      </c>
      <c r="H33" s="2" t="s">
        <v>26</v>
      </c>
      <c r="I33" s="3">
        <v>2015</v>
      </c>
      <c r="J33" s="2" t="s">
        <v>20</v>
      </c>
      <c r="K33" s="2"/>
      <c r="L33" s="2" t="s">
        <v>175</v>
      </c>
    </row>
    <row r="34" spans="1:12" ht="15.2" customHeight="1">
      <c r="A34" s="2" t="s">
        <v>171</v>
      </c>
      <c r="B34" s="2" t="s">
        <v>22</v>
      </c>
      <c r="C34" s="2" t="s">
        <v>176</v>
      </c>
      <c r="D34" s="2" t="s">
        <v>177</v>
      </c>
      <c r="E34" s="2" t="s">
        <v>106</v>
      </c>
      <c r="F34" s="2" t="s">
        <v>178</v>
      </c>
      <c r="G34" s="3">
        <v>10</v>
      </c>
      <c r="H34" s="2" t="s">
        <v>19</v>
      </c>
      <c r="I34" s="3">
        <v>2015</v>
      </c>
      <c r="J34" s="2" t="s">
        <v>20</v>
      </c>
      <c r="K34" s="2"/>
      <c r="L34" s="2" t="s">
        <v>179</v>
      </c>
    </row>
    <row r="35" spans="1:12" ht="15.2" customHeight="1">
      <c r="A35" s="2" t="s">
        <v>171</v>
      </c>
      <c r="B35" s="2" t="s">
        <v>28</v>
      </c>
      <c r="C35" s="2"/>
      <c r="D35" s="2" t="s">
        <v>125</v>
      </c>
      <c r="E35" s="2" t="s">
        <v>126</v>
      </c>
      <c r="F35" s="2" t="s">
        <v>127</v>
      </c>
      <c r="G35" s="3">
        <v>9</v>
      </c>
      <c r="H35" s="2" t="s">
        <v>75</v>
      </c>
      <c r="I35" s="3">
        <v>2019</v>
      </c>
      <c r="J35" s="2" t="s">
        <v>20</v>
      </c>
      <c r="K35" s="2"/>
      <c r="L35" s="2" t="s">
        <v>128</v>
      </c>
    </row>
    <row r="36" spans="1:12" ht="15.2" customHeight="1">
      <c r="A36" s="2" t="s">
        <v>171</v>
      </c>
      <c r="B36" s="2" t="s">
        <v>34</v>
      </c>
      <c r="C36" s="2"/>
      <c r="D36" s="2" t="s">
        <v>130</v>
      </c>
      <c r="E36" s="2" t="s">
        <v>126</v>
      </c>
      <c r="F36" s="2" t="s">
        <v>131</v>
      </c>
      <c r="G36" s="3">
        <v>10</v>
      </c>
      <c r="H36" s="2" t="s">
        <v>75</v>
      </c>
      <c r="I36" s="3">
        <v>2019</v>
      </c>
      <c r="J36" s="2" t="s">
        <v>20</v>
      </c>
      <c r="K36" s="2"/>
      <c r="L36" s="2" t="s">
        <v>128</v>
      </c>
    </row>
    <row r="37" spans="1:12" ht="15.2" customHeight="1">
      <c r="A37" s="2" t="s">
        <v>171</v>
      </c>
      <c r="B37" s="2" t="s">
        <v>38</v>
      </c>
      <c r="C37" s="2" t="s">
        <v>133</v>
      </c>
      <c r="D37" s="2" t="s">
        <v>134</v>
      </c>
      <c r="E37" s="2" t="s">
        <v>126</v>
      </c>
      <c r="F37" s="2" t="s">
        <v>135</v>
      </c>
      <c r="G37" s="3">
        <v>5</v>
      </c>
      <c r="H37" s="2" t="s">
        <v>26</v>
      </c>
      <c r="I37" s="3">
        <v>2018</v>
      </c>
      <c r="J37" s="2" t="s">
        <v>20</v>
      </c>
      <c r="K37" s="2"/>
      <c r="L37" s="2" t="s">
        <v>136</v>
      </c>
    </row>
    <row r="38" spans="1:12" ht="15.2" customHeight="1">
      <c r="A38" s="2" t="s">
        <v>171</v>
      </c>
      <c r="B38" s="2" t="s">
        <v>42</v>
      </c>
      <c r="C38" s="2" t="s">
        <v>115</v>
      </c>
      <c r="D38" s="2" t="s">
        <v>116</v>
      </c>
      <c r="E38" s="2" t="s">
        <v>17</v>
      </c>
      <c r="F38" s="2" t="s">
        <v>117</v>
      </c>
      <c r="G38" s="3">
        <v>5</v>
      </c>
      <c r="H38" s="2" t="s">
        <v>26</v>
      </c>
      <c r="I38" s="3">
        <v>2014</v>
      </c>
      <c r="J38" s="2" t="s">
        <v>20</v>
      </c>
      <c r="K38" s="2"/>
      <c r="L38" s="2" t="s">
        <v>118</v>
      </c>
    </row>
    <row r="39" spans="1:12" ht="15.2" customHeight="1">
      <c r="A39" s="2" t="s">
        <v>171</v>
      </c>
      <c r="B39" s="2" t="s">
        <v>48</v>
      </c>
      <c r="C39" s="2" t="s">
        <v>120</v>
      </c>
      <c r="D39" s="2" t="s">
        <v>121</v>
      </c>
      <c r="E39" s="2" t="s">
        <v>17</v>
      </c>
      <c r="F39" s="2" t="s">
        <v>122</v>
      </c>
      <c r="G39" s="3">
        <v>6</v>
      </c>
      <c r="H39" s="2" t="s">
        <v>19</v>
      </c>
      <c r="I39" s="3">
        <v>2014</v>
      </c>
      <c r="J39" s="2" t="s">
        <v>20</v>
      </c>
      <c r="K39" s="2"/>
      <c r="L39" s="2" t="s">
        <v>123</v>
      </c>
    </row>
    <row r="40" spans="1:12" ht="15.2" customHeight="1">
      <c r="A40" s="2" t="s">
        <v>171</v>
      </c>
      <c r="B40" s="2" t="s">
        <v>54</v>
      </c>
      <c r="C40" s="2" t="s">
        <v>15</v>
      </c>
      <c r="D40" s="2" t="s">
        <v>16</v>
      </c>
      <c r="E40" s="2" t="s">
        <v>17</v>
      </c>
      <c r="F40" s="2" t="s">
        <v>18</v>
      </c>
      <c r="G40" s="3">
        <v>3</v>
      </c>
      <c r="H40" s="2" t="s">
        <v>19</v>
      </c>
      <c r="I40" s="3">
        <v>2014</v>
      </c>
      <c r="J40" s="2" t="s">
        <v>20</v>
      </c>
      <c r="K40" s="2"/>
      <c r="L40" s="2" t="s">
        <v>21</v>
      </c>
    </row>
    <row r="41" spans="1:12" ht="15.2" customHeight="1">
      <c r="A41" s="2" t="s">
        <v>171</v>
      </c>
      <c r="B41" s="2" t="s">
        <v>59</v>
      </c>
      <c r="C41" s="2" t="s">
        <v>60</v>
      </c>
      <c r="D41" s="2" t="s">
        <v>61</v>
      </c>
      <c r="E41" s="2" t="s">
        <v>51</v>
      </c>
      <c r="F41" s="2" t="s">
        <v>62</v>
      </c>
      <c r="G41" s="3">
        <v>6</v>
      </c>
      <c r="H41" s="2" t="s">
        <v>19</v>
      </c>
      <c r="I41" s="3">
        <v>2019</v>
      </c>
      <c r="J41" s="2" t="s">
        <v>20</v>
      </c>
      <c r="K41" s="2"/>
      <c r="L41" s="2" t="s">
        <v>63</v>
      </c>
    </row>
    <row r="42" spans="1:12" ht="15.2" customHeight="1">
      <c r="A42" s="2" t="s">
        <v>171</v>
      </c>
      <c r="B42" s="2" t="s">
        <v>64</v>
      </c>
      <c r="C42" s="2" t="s">
        <v>180</v>
      </c>
      <c r="D42" s="2" t="s">
        <v>181</v>
      </c>
      <c r="E42" s="2" t="s">
        <v>51</v>
      </c>
      <c r="F42" s="2" t="s">
        <v>182</v>
      </c>
      <c r="G42" s="3">
        <v>1</v>
      </c>
      <c r="H42" s="2" t="s">
        <v>19</v>
      </c>
      <c r="I42" s="3">
        <v>2019</v>
      </c>
      <c r="J42" s="2" t="s">
        <v>20</v>
      </c>
      <c r="K42" s="2"/>
      <c r="L42" s="2" t="s">
        <v>183</v>
      </c>
    </row>
    <row r="43" spans="1:12" ht="15.2" customHeight="1">
      <c r="A43" s="2" t="s">
        <v>171</v>
      </c>
      <c r="B43" s="2" t="s">
        <v>70</v>
      </c>
      <c r="C43" s="2" t="s">
        <v>49</v>
      </c>
      <c r="D43" s="2" t="s">
        <v>50</v>
      </c>
      <c r="E43" s="2" t="s">
        <v>51</v>
      </c>
      <c r="F43" s="2" t="s">
        <v>52</v>
      </c>
      <c r="G43" s="3">
        <v>4</v>
      </c>
      <c r="H43" s="2" t="s">
        <v>19</v>
      </c>
      <c r="I43" s="3">
        <v>2019</v>
      </c>
      <c r="J43" s="2" t="s">
        <v>20</v>
      </c>
      <c r="K43" s="2"/>
      <c r="L43" s="2" t="s">
        <v>53</v>
      </c>
    </row>
    <row r="44" spans="1:12" ht="15.2" customHeight="1">
      <c r="A44" s="2" t="s">
        <v>171</v>
      </c>
      <c r="B44" s="2" t="s">
        <v>77</v>
      </c>
      <c r="C44" s="2" t="s">
        <v>55</v>
      </c>
      <c r="D44" s="2" t="s">
        <v>56</v>
      </c>
      <c r="E44" s="2" t="s">
        <v>51</v>
      </c>
      <c r="F44" s="2" t="s">
        <v>57</v>
      </c>
      <c r="G44" s="3">
        <v>5</v>
      </c>
      <c r="H44" s="2" t="s">
        <v>19</v>
      </c>
      <c r="I44" s="3">
        <v>2019</v>
      </c>
      <c r="J44" s="2" t="s">
        <v>20</v>
      </c>
      <c r="K44" s="2"/>
      <c r="L44" s="2" t="s">
        <v>58</v>
      </c>
    </row>
    <row r="45" spans="1:12" ht="15.2" customHeight="1">
      <c r="A45" s="2" t="s">
        <v>171</v>
      </c>
      <c r="B45" s="2" t="s">
        <v>184</v>
      </c>
      <c r="C45" s="2" t="s">
        <v>185</v>
      </c>
      <c r="D45" s="2" t="s">
        <v>186</v>
      </c>
      <c r="E45" s="2" t="s">
        <v>187</v>
      </c>
      <c r="F45" s="2" t="s">
        <v>188</v>
      </c>
      <c r="G45" s="3">
        <v>1</v>
      </c>
      <c r="H45" s="2" t="s">
        <v>75</v>
      </c>
      <c r="I45" s="3">
        <v>2019</v>
      </c>
      <c r="J45" s="2" t="s">
        <v>189</v>
      </c>
      <c r="K45" s="2"/>
      <c r="L45" s="2" t="s">
        <v>190</v>
      </c>
    </row>
    <row r="46" spans="1:12" ht="15.2" customHeight="1">
      <c r="A46" s="2" t="s">
        <v>171</v>
      </c>
      <c r="B46" s="2" t="s">
        <v>92</v>
      </c>
      <c r="C46" s="2" t="s">
        <v>191</v>
      </c>
      <c r="D46" s="2" t="s">
        <v>192</v>
      </c>
      <c r="E46" s="2" t="s">
        <v>193</v>
      </c>
      <c r="F46" s="2" t="s">
        <v>194</v>
      </c>
      <c r="G46" s="3">
        <v>1</v>
      </c>
      <c r="H46" s="2" t="s">
        <v>19</v>
      </c>
      <c r="I46" s="3">
        <v>2019</v>
      </c>
      <c r="J46" s="2" t="s">
        <v>20</v>
      </c>
      <c r="K46" s="2"/>
      <c r="L46" s="2" t="s">
        <v>195</v>
      </c>
    </row>
    <row r="47" spans="1:12" ht="15.2" customHeight="1">
      <c r="A47" s="2" t="s">
        <v>171</v>
      </c>
      <c r="B47" s="2" t="s">
        <v>98</v>
      </c>
      <c r="C47" s="2" t="s">
        <v>196</v>
      </c>
      <c r="D47" s="2" t="s">
        <v>197</v>
      </c>
      <c r="E47" s="2" t="s">
        <v>193</v>
      </c>
      <c r="F47" s="2" t="s">
        <v>198</v>
      </c>
      <c r="G47" s="3">
        <v>2</v>
      </c>
      <c r="H47" s="2" t="s">
        <v>19</v>
      </c>
      <c r="I47" s="3">
        <v>2019</v>
      </c>
      <c r="J47" s="2" t="s">
        <v>20</v>
      </c>
      <c r="K47" s="2"/>
      <c r="L47" s="2" t="s">
        <v>199</v>
      </c>
    </row>
    <row r="48" spans="1:12" ht="15.2" customHeight="1">
      <c r="A48" s="2" t="s">
        <v>171</v>
      </c>
      <c r="B48" s="2" t="s">
        <v>103</v>
      </c>
      <c r="C48" s="2" t="s">
        <v>200</v>
      </c>
      <c r="D48" s="2" t="s">
        <v>201</v>
      </c>
      <c r="E48" s="2" t="s">
        <v>193</v>
      </c>
      <c r="F48" s="2" t="s">
        <v>202</v>
      </c>
      <c r="G48" s="3">
        <v>3</v>
      </c>
      <c r="H48" s="2" t="s">
        <v>19</v>
      </c>
      <c r="I48" s="3">
        <v>2019</v>
      </c>
      <c r="J48" s="2" t="s">
        <v>20</v>
      </c>
      <c r="K48" s="2"/>
      <c r="L48" s="2" t="s">
        <v>203</v>
      </c>
    </row>
    <row r="49" spans="1:12" ht="15.2" customHeight="1">
      <c r="A49" s="2" t="s">
        <v>171</v>
      </c>
      <c r="B49" s="2" t="s">
        <v>109</v>
      </c>
      <c r="C49" s="2" t="s">
        <v>204</v>
      </c>
      <c r="D49" s="2" t="s">
        <v>205</v>
      </c>
      <c r="E49" s="2" t="s">
        <v>193</v>
      </c>
      <c r="F49" s="2" t="s">
        <v>206</v>
      </c>
      <c r="G49" s="3">
        <v>4</v>
      </c>
      <c r="H49" s="2" t="s">
        <v>19</v>
      </c>
      <c r="I49" s="3">
        <v>2019</v>
      </c>
      <c r="J49" s="2" t="s">
        <v>20</v>
      </c>
      <c r="K49" s="2"/>
      <c r="L49" s="2" t="s">
        <v>207</v>
      </c>
    </row>
    <row r="50" spans="1:12" s="8" customFormat="1" ht="15.2" customHeight="1">
      <c r="A50" s="7" t="s">
        <v>171</v>
      </c>
      <c r="B50" s="7" t="s">
        <v>114</v>
      </c>
      <c r="C50" s="7" t="s">
        <v>208</v>
      </c>
      <c r="D50" s="7" t="s">
        <v>209</v>
      </c>
      <c r="E50" s="7" t="s">
        <v>106</v>
      </c>
      <c r="F50" s="7" t="s">
        <v>210</v>
      </c>
      <c r="G50" s="7">
        <v>11</v>
      </c>
      <c r="H50" s="7" t="s">
        <v>26</v>
      </c>
      <c r="I50" s="7">
        <v>2015</v>
      </c>
      <c r="J50" s="7" t="s">
        <v>20</v>
      </c>
      <c r="K50" s="7"/>
      <c r="L50" s="7" t="s">
        <v>211</v>
      </c>
    </row>
    <row r="51" spans="1:12" ht="15.2" customHeight="1">
      <c r="A51" s="2" t="s">
        <v>171</v>
      </c>
      <c r="B51" s="2" t="s">
        <v>119</v>
      </c>
      <c r="C51" s="2" t="s">
        <v>212</v>
      </c>
      <c r="D51" s="2" t="s">
        <v>213</v>
      </c>
      <c r="E51" s="2" t="s">
        <v>106</v>
      </c>
      <c r="F51" s="2" t="s">
        <v>214</v>
      </c>
      <c r="G51" s="3">
        <v>12</v>
      </c>
      <c r="H51" s="2" t="s">
        <v>26</v>
      </c>
      <c r="I51" s="3">
        <v>2015</v>
      </c>
      <c r="J51" s="2" t="s">
        <v>20</v>
      </c>
      <c r="K51" s="2"/>
      <c r="L51" s="2" t="s">
        <v>215</v>
      </c>
    </row>
    <row r="52" spans="1:12" ht="15.2" customHeight="1">
      <c r="A52" s="2" t="s">
        <v>171</v>
      </c>
      <c r="B52" s="2" t="s">
        <v>124</v>
      </c>
      <c r="C52" s="2" t="s">
        <v>93</v>
      </c>
      <c r="D52" s="2" t="s">
        <v>94</v>
      </c>
      <c r="E52" s="2" t="s">
        <v>95</v>
      </c>
      <c r="F52" s="2" t="s">
        <v>96</v>
      </c>
      <c r="G52" s="3">
        <v>8</v>
      </c>
      <c r="H52" s="2" t="s">
        <v>26</v>
      </c>
      <c r="I52" s="3">
        <v>2019</v>
      </c>
      <c r="J52" s="2" t="s">
        <v>20</v>
      </c>
      <c r="K52" s="2"/>
      <c r="L52" s="2" t="s">
        <v>97</v>
      </c>
    </row>
    <row r="53" spans="1:12" ht="15.2" customHeight="1">
      <c r="A53" s="2" t="s">
        <v>171</v>
      </c>
      <c r="B53" s="2" t="s">
        <v>129</v>
      </c>
      <c r="C53" s="2" t="s">
        <v>99</v>
      </c>
      <c r="D53" s="2" t="s">
        <v>100</v>
      </c>
      <c r="E53" s="2" t="s">
        <v>95</v>
      </c>
      <c r="F53" s="2" t="s">
        <v>101</v>
      </c>
      <c r="G53" s="3">
        <v>9</v>
      </c>
      <c r="H53" s="2" t="s">
        <v>26</v>
      </c>
      <c r="I53" s="3">
        <v>2019</v>
      </c>
      <c r="J53" s="2" t="s">
        <v>20</v>
      </c>
      <c r="K53" s="2"/>
      <c r="L53" s="2" t="s">
        <v>102</v>
      </c>
    </row>
    <row r="54" spans="1:12" ht="15.2" customHeight="1">
      <c r="A54" s="2" t="s">
        <v>171</v>
      </c>
      <c r="B54" s="2" t="s">
        <v>132</v>
      </c>
      <c r="C54" s="2" t="s">
        <v>104</v>
      </c>
      <c r="D54" s="2" t="s">
        <v>105</v>
      </c>
      <c r="E54" s="2" t="s">
        <v>106</v>
      </c>
      <c r="F54" s="2" t="s">
        <v>107</v>
      </c>
      <c r="G54" s="3">
        <v>3</v>
      </c>
      <c r="H54" s="2" t="s">
        <v>26</v>
      </c>
      <c r="I54" s="3">
        <v>2017</v>
      </c>
      <c r="J54" s="2" t="s">
        <v>20</v>
      </c>
      <c r="K54" s="2"/>
      <c r="L54" s="2" t="s">
        <v>108</v>
      </c>
    </row>
    <row r="55" spans="1:12" ht="15.2" customHeight="1">
      <c r="A55" s="2" t="s">
        <v>171</v>
      </c>
      <c r="B55" s="2" t="s">
        <v>137</v>
      </c>
      <c r="C55" s="2" t="s">
        <v>65</v>
      </c>
      <c r="D55" s="2" t="s">
        <v>66</v>
      </c>
      <c r="E55" s="2" t="s">
        <v>67</v>
      </c>
      <c r="F55" s="2" t="s">
        <v>68</v>
      </c>
      <c r="G55" s="3">
        <v>1</v>
      </c>
      <c r="H55" s="2" t="s">
        <v>19</v>
      </c>
      <c r="I55" s="3">
        <v>2019</v>
      </c>
      <c r="J55" s="2" t="s">
        <v>20</v>
      </c>
      <c r="K55" s="2"/>
      <c r="L55" s="2" t="s">
        <v>69</v>
      </c>
    </row>
    <row r="56" spans="1:12" ht="15.2" customHeight="1">
      <c r="A56" s="2" t="s">
        <v>171</v>
      </c>
      <c r="B56" s="2" t="s">
        <v>143</v>
      </c>
      <c r="C56" s="2" t="s">
        <v>71</v>
      </c>
      <c r="D56" s="2" t="s">
        <v>72</v>
      </c>
      <c r="E56" s="2" t="s">
        <v>73</v>
      </c>
      <c r="F56" s="2" t="s">
        <v>74</v>
      </c>
      <c r="G56" s="3">
        <v>1</v>
      </c>
      <c r="H56" s="2" t="s">
        <v>75</v>
      </c>
      <c r="I56" s="3">
        <v>2018</v>
      </c>
      <c r="J56" s="2" t="s">
        <v>20</v>
      </c>
      <c r="K56" s="2"/>
      <c r="L56" s="2" t="s">
        <v>76</v>
      </c>
    </row>
    <row r="57" spans="1:12" ht="15.2" customHeight="1">
      <c r="A57" s="2" t="s">
        <v>171</v>
      </c>
      <c r="B57" s="2" t="s">
        <v>150</v>
      </c>
      <c r="C57" s="2" t="s">
        <v>78</v>
      </c>
      <c r="D57" s="2" t="s">
        <v>79</v>
      </c>
      <c r="E57" s="2" t="s">
        <v>80</v>
      </c>
      <c r="F57" s="2" t="s">
        <v>81</v>
      </c>
      <c r="G57" s="3">
        <v>1</v>
      </c>
      <c r="H57" s="2" t="s">
        <v>82</v>
      </c>
      <c r="I57" s="3">
        <v>2019</v>
      </c>
      <c r="J57" s="2" t="s">
        <v>20</v>
      </c>
      <c r="K57" s="2"/>
      <c r="L57" s="2" t="s">
        <v>83</v>
      </c>
    </row>
    <row r="58" spans="1:12" ht="15.2" customHeight="1">
      <c r="A58" s="2" t="s">
        <v>171</v>
      </c>
      <c r="B58" s="2" t="s">
        <v>156</v>
      </c>
      <c r="C58" s="2" t="s">
        <v>85</v>
      </c>
      <c r="D58" s="2" t="s">
        <v>86</v>
      </c>
      <c r="E58" s="2" t="s">
        <v>87</v>
      </c>
      <c r="F58" s="2" t="s">
        <v>88</v>
      </c>
      <c r="G58" s="3">
        <v>1</v>
      </c>
      <c r="H58" s="2" t="s">
        <v>89</v>
      </c>
      <c r="I58" s="3">
        <v>2019</v>
      </c>
      <c r="J58" s="2" t="s">
        <v>90</v>
      </c>
      <c r="K58" s="2"/>
      <c r="L58" s="2" t="s">
        <v>91</v>
      </c>
    </row>
    <row r="59" spans="1:12" ht="15.2" customHeight="1">
      <c r="A59" s="2" t="s">
        <v>171</v>
      </c>
      <c r="B59" s="2" t="s">
        <v>161</v>
      </c>
      <c r="C59" s="2" t="s">
        <v>216</v>
      </c>
      <c r="D59" s="2" t="s">
        <v>217</v>
      </c>
      <c r="E59" s="2" t="s">
        <v>164</v>
      </c>
      <c r="F59" s="2" t="s">
        <v>218</v>
      </c>
      <c r="G59" s="3">
        <v>2</v>
      </c>
      <c r="H59" s="2" t="s">
        <v>166</v>
      </c>
      <c r="I59" s="3">
        <v>2018</v>
      </c>
      <c r="J59" s="2" t="s">
        <v>20</v>
      </c>
      <c r="K59" s="2"/>
      <c r="L59" s="2" t="s">
        <v>219</v>
      </c>
    </row>
    <row r="60" spans="1:12" ht="15.2" customHeight="1">
      <c r="A60" s="2" t="s">
        <v>171</v>
      </c>
      <c r="B60" s="2" t="s">
        <v>168</v>
      </c>
      <c r="C60" s="2"/>
      <c r="D60" s="2" t="s">
        <v>125</v>
      </c>
      <c r="E60" s="2" t="s">
        <v>126</v>
      </c>
      <c r="F60" s="2" t="s">
        <v>127</v>
      </c>
      <c r="G60" s="3">
        <v>9</v>
      </c>
      <c r="H60" s="2" t="s">
        <v>75</v>
      </c>
      <c r="I60" s="3">
        <v>2019</v>
      </c>
      <c r="J60" s="2" t="s">
        <v>20</v>
      </c>
      <c r="K60" s="2"/>
      <c r="L60" s="2" t="s">
        <v>128</v>
      </c>
    </row>
    <row r="61" spans="1:12" ht="15.2" customHeight="1">
      <c r="A61" s="2" t="s">
        <v>171</v>
      </c>
      <c r="B61" s="2" t="s">
        <v>169</v>
      </c>
      <c r="C61" s="2"/>
      <c r="D61" s="2" t="s">
        <v>130</v>
      </c>
      <c r="E61" s="2" t="s">
        <v>126</v>
      </c>
      <c r="F61" s="2" t="s">
        <v>131</v>
      </c>
      <c r="G61" s="3">
        <v>10</v>
      </c>
      <c r="H61" s="2" t="s">
        <v>75</v>
      </c>
      <c r="I61" s="3">
        <v>2019</v>
      </c>
      <c r="J61" s="2" t="s">
        <v>20</v>
      </c>
      <c r="K61" s="2"/>
      <c r="L61" s="2" t="s">
        <v>128</v>
      </c>
    </row>
    <row r="62" spans="1:12" ht="15.2" customHeight="1">
      <c r="A62" s="2" t="s">
        <v>171</v>
      </c>
      <c r="B62" s="2" t="s">
        <v>170</v>
      </c>
      <c r="C62" s="2" t="s">
        <v>208</v>
      </c>
      <c r="D62" s="2" t="s">
        <v>209</v>
      </c>
      <c r="E62" s="2" t="s">
        <v>106</v>
      </c>
      <c r="F62" s="2" t="s">
        <v>210</v>
      </c>
      <c r="G62" s="3">
        <v>11</v>
      </c>
      <c r="H62" s="2" t="s">
        <v>26</v>
      </c>
      <c r="I62" s="3">
        <v>2015</v>
      </c>
      <c r="J62" s="2" t="s">
        <v>20</v>
      </c>
      <c r="K62" s="2"/>
      <c r="L62" s="2" t="s">
        <v>211</v>
      </c>
    </row>
    <row r="63" spans="1:12" ht="15.2" customHeight="1">
      <c r="A63" s="2" t="s">
        <v>220</v>
      </c>
      <c r="B63" s="2" t="s">
        <v>14</v>
      </c>
      <c r="C63" s="2" t="s">
        <v>85</v>
      </c>
      <c r="D63" s="2" t="s">
        <v>86</v>
      </c>
      <c r="E63" s="2" t="s">
        <v>87</v>
      </c>
      <c r="F63" s="2" t="s">
        <v>88</v>
      </c>
      <c r="G63" s="3">
        <v>1</v>
      </c>
      <c r="H63" s="2" t="s">
        <v>89</v>
      </c>
      <c r="I63" s="3">
        <v>2019</v>
      </c>
      <c r="J63" s="2" t="s">
        <v>90</v>
      </c>
      <c r="K63" s="2"/>
      <c r="L63" s="2" t="s">
        <v>91</v>
      </c>
    </row>
    <row r="64" spans="1:12" ht="15.2" customHeight="1">
      <c r="A64" s="2" t="s">
        <v>220</v>
      </c>
      <c r="B64" s="2" t="s">
        <v>221</v>
      </c>
      <c r="C64" s="2" t="s">
        <v>222</v>
      </c>
      <c r="D64" s="2" t="s">
        <v>223</v>
      </c>
      <c r="E64" s="2" t="s">
        <v>224</v>
      </c>
      <c r="F64" s="2" t="s">
        <v>225</v>
      </c>
      <c r="G64" s="3">
        <v>2</v>
      </c>
      <c r="H64" s="2" t="s">
        <v>75</v>
      </c>
      <c r="I64" s="3">
        <v>2015</v>
      </c>
      <c r="J64" s="2" t="s">
        <v>148</v>
      </c>
      <c r="K64" s="2"/>
      <c r="L64" s="2"/>
    </row>
    <row r="65" spans="1:12" ht="15.2" customHeight="1">
      <c r="A65" s="2" t="s">
        <v>220</v>
      </c>
      <c r="B65" s="2" t="s">
        <v>28</v>
      </c>
      <c r="C65" s="2" t="s">
        <v>226</v>
      </c>
      <c r="D65" s="2" t="s">
        <v>227</v>
      </c>
      <c r="E65" s="2" t="s">
        <v>164</v>
      </c>
      <c r="F65" s="2" t="s">
        <v>228</v>
      </c>
      <c r="G65" s="3">
        <v>5</v>
      </c>
      <c r="H65" s="2" t="s">
        <v>166</v>
      </c>
      <c r="I65" s="3">
        <v>2018</v>
      </c>
      <c r="J65" s="2" t="s">
        <v>20</v>
      </c>
      <c r="K65" s="2"/>
      <c r="L65" s="2" t="s">
        <v>229</v>
      </c>
    </row>
    <row r="66" spans="1:12" ht="15.2" customHeight="1">
      <c r="A66" s="2" t="s">
        <v>220</v>
      </c>
      <c r="B66" s="2" t="s">
        <v>230</v>
      </c>
      <c r="C66" s="2"/>
      <c r="D66" s="2" t="s">
        <v>231</v>
      </c>
      <c r="E66" s="2" t="s">
        <v>126</v>
      </c>
      <c r="F66" s="2" t="s">
        <v>232</v>
      </c>
      <c r="G66" s="3">
        <v>13</v>
      </c>
      <c r="H66" s="2" t="s">
        <v>75</v>
      </c>
      <c r="I66" s="3">
        <v>2019</v>
      </c>
      <c r="J66" s="2" t="s">
        <v>20</v>
      </c>
      <c r="K66" s="2"/>
      <c r="L66" s="2" t="s">
        <v>128</v>
      </c>
    </row>
    <row r="67" spans="1:12" ht="15.2" customHeight="1">
      <c r="A67" s="2" t="s">
        <v>220</v>
      </c>
      <c r="B67" s="2" t="s">
        <v>233</v>
      </c>
      <c r="C67" s="2"/>
      <c r="D67" s="2" t="s">
        <v>234</v>
      </c>
      <c r="E67" s="2" t="s">
        <v>126</v>
      </c>
      <c r="F67" s="2" t="s">
        <v>235</v>
      </c>
      <c r="G67" s="3">
        <v>14</v>
      </c>
      <c r="H67" s="2" t="s">
        <v>75</v>
      </c>
      <c r="I67" s="3">
        <v>2019</v>
      </c>
      <c r="J67" s="2" t="s">
        <v>20</v>
      </c>
      <c r="K67" s="2"/>
      <c r="L67" s="2" t="s">
        <v>236</v>
      </c>
    </row>
    <row r="68" spans="1:12" ht="15.2" customHeight="1">
      <c r="A68" s="2" t="s">
        <v>220</v>
      </c>
      <c r="B68" s="2" t="s">
        <v>237</v>
      </c>
      <c r="C68" s="2" t="s">
        <v>238</v>
      </c>
      <c r="D68" s="2" t="s">
        <v>239</v>
      </c>
      <c r="E68" s="2" t="s">
        <v>126</v>
      </c>
      <c r="F68" s="2" t="s">
        <v>240</v>
      </c>
      <c r="G68" s="3">
        <v>3</v>
      </c>
      <c r="H68" s="2" t="s">
        <v>26</v>
      </c>
      <c r="I68" s="3">
        <v>2018</v>
      </c>
      <c r="J68" s="2" t="s">
        <v>20</v>
      </c>
      <c r="K68" s="2"/>
      <c r="L68" s="2" t="s">
        <v>241</v>
      </c>
    </row>
    <row r="69" spans="1:12" ht="15.2" customHeight="1">
      <c r="A69" s="2" t="s">
        <v>220</v>
      </c>
      <c r="B69" s="2" t="s">
        <v>242</v>
      </c>
      <c r="C69" s="2" t="s">
        <v>243</v>
      </c>
      <c r="D69" s="2" t="s">
        <v>244</v>
      </c>
      <c r="E69" s="2" t="s">
        <v>126</v>
      </c>
      <c r="F69" s="2" t="s">
        <v>245</v>
      </c>
      <c r="G69" s="3">
        <v>8</v>
      </c>
      <c r="H69" s="2" t="s">
        <v>19</v>
      </c>
      <c r="I69" s="3">
        <v>2019</v>
      </c>
      <c r="J69" s="2" t="s">
        <v>20</v>
      </c>
      <c r="K69" s="2"/>
      <c r="L69" s="2" t="s">
        <v>246</v>
      </c>
    </row>
    <row r="70" spans="1:12" ht="15.2" customHeight="1">
      <c r="A70" s="2" t="s">
        <v>220</v>
      </c>
      <c r="B70" s="2" t="s">
        <v>247</v>
      </c>
      <c r="C70" s="2" t="s">
        <v>248</v>
      </c>
      <c r="D70" s="2" t="s">
        <v>249</v>
      </c>
      <c r="E70" s="2" t="s">
        <v>126</v>
      </c>
      <c r="F70" s="2" t="s">
        <v>250</v>
      </c>
      <c r="G70" s="3">
        <v>7</v>
      </c>
      <c r="H70" s="2" t="s">
        <v>26</v>
      </c>
      <c r="I70" s="3">
        <v>2019</v>
      </c>
      <c r="J70" s="2" t="s">
        <v>20</v>
      </c>
      <c r="K70" s="2"/>
      <c r="L70" s="2" t="s">
        <v>251</v>
      </c>
    </row>
    <row r="71" spans="1:12" ht="15.2" customHeight="1">
      <c r="A71" s="2" t="s">
        <v>220</v>
      </c>
      <c r="B71" s="2" t="s">
        <v>252</v>
      </c>
      <c r="C71" s="2" t="s">
        <v>253</v>
      </c>
      <c r="D71" s="2" t="s">
        <v>254</v>
      </c>
      <c r="E71" s="2" t="s">
        <v>87</v>
      </c>
      <c r="F71" s="2" t="s">
        <v>255</v>
      </c>
      <c r="G71" s="3">
        <v>2</v>
      </c>
      <c r="H71" s="2" t="s">
        <v>89</v>
      </c>
      <c r="I71" s="3">
        <v>2019</v>
      </c>
      <c r="J71" s="2" t="s">
        <v>90</v>
      </c>
      <c r="K71" s="2"/>
      <c r="L71" s="2" t="s">
        <v>256</v>
      </c>
    </row>
    <row r="72" spans="1:12" ht="15.2" customHeight="1">
      <c r="A72" s="2" t="s">
        <v>220</v>
      </c>
      <c r="B72" s="2" t="s">
        <v>257</v>
      </c>
      <c r="C72" s="2" t="s">
        <v>258</v>
      </c>
      <c r="D72" s="2" t="s">
        <v>259</v>
      </c>
      <c r="E72" s="2" t="s">
        <v>87</v>
      </c>
      <c r="F72" s="2" t="s">
        <v>260</v>
      </c>
      <c r="G72" s="3">
        <v>3</v>
      </c>
      <c r="H72" s="2" t="s">
        <v>89</v>
      </c>
      <c r="I72" s="3">
        <v>2019</v>
      </c>
      <c r="J72" s="2" t="s">
        <v>90</v>
      </c>
      <c r="K72" s="2"/>
      <c r="L72" s="2" t="s">
        <v>261</v>
      </c>
    </row>
    <row r="73" spans="1:12" ht="15.2" customHeight="1">
      <c r="A73" s="2" t="s">
        <v>220</v>
      </c>
      <c r="B73" s="2" t="s">
        <v>262</v>
      </c>
      <c r="C73" s="2" t="s">
        <v>263</v>
      </c>
      <c r="D73" s="2" t="s">
        <v>264</v>
      </c>
      <c r="E73" s="2" t="s">
        <v>87</v>
      </c>
      <c r="F73" s="2" t="s">
        <v>265</v>
      </c>
      <c r="G73" s="3">
        <v>6</v>
      </c>
      <c r="H73" s="2" t="s">
        <v>89</v>
      </c>
      <c r="I73" s="3">
        <v>2019</v>
      </c>
      <c r="J73" s="2" t="s">
        <v>90</v>
      </c>
      <c r="K73" s="2"/>
      <c r="L73" s="2" t="s">
        <v>266</v>
      </c>
    </row>
    <row r="74" spans="1:12" ht="15.2" customHeight="1">
      <c r="A74" s="2" t="s">
        <v>220</v>
      </c>
      <c r="B74" s="2" t="s">
        <v>267</v>
      </c>
      <c r="C74" s="2" t="s">
        <v>268</v>
      </c>
      <c r="D74" s="2" t="s">
        <v>269</v>
      </c>
      <c r="E74" s="2" t="s">
        <v>87</v>
      </c>
      <c r="F74" s="2" t="s">
        <v>270</v>
      </c>
      <c r="G74" s="3">
        <v>4</v>
      </c>
      <c r="H74" s="2" t="s">
        <v>89</v>
      </c>
      <c r="I74" s="3">
        <v>2019</v>
      </c>
      <c r="J74" s="2" t="s">
        <v>90</v>
      </c>
      <c r="K74" s="2"/>
      <c r="L74" s="2" t="s">
        <v>271</v>
      </c>
    </row>
    <row r="75" spans="1:12" ht="15.2" customHeight="1">
      <c r="A75" s="2" t="s">
        <v>220</v>
      </c>
      <c r="B75" s="2" t="s">
        <v>272</v>
      </c>
      <c r="C75" s="2" t="s">
        <v>273</v>
      </c>
      <c r="D75" s="2" t="s">
        <v>274</v>
      </c>
      <c r="E75" s="2" t="s">
        <v>87</v>
      </c>
      <c r="F75" s="2" t="s">
        <v>275</v>
      </c>
      <c r="G75" s="3">
        <v>5</v>
      </c>
      <c r="H75" s="2" t="s">
        <v>89</v>
      </c>
      <c r="I75" s="3">
        <v>2019</v>
      </c>
      <c r="J75" s="2" t="s">
        <v>90</v>
      </c>
      <c r="K75" s="2"/>
      <c r="L75" s="2" t="s">
        <v>276</v>
      </c>
    </row>
    <row r="76" spans="1:12" ht="15.2" customHeight="1">
      <c r="A76" s="2" t="s">
        <v>220</v>
      </c>
      <c r="B76" s="2" t="s">
        <v>92</v>
      </c>
      <c r="C76" s="2" t="s">
        <v>277</v>
      </c>
      <c r="D76" s="2" t="s">
        <v>278</v>
      </c>
      <c r="E76" s="2" t="s">
        <v>279</v>
      </c>
      <c r="F76" s="2" t="s">
        <v>280</v>
      </c>
      <c r="G76" s="3">
        <v>3</v>
      </c>
      <c r="H76" s="2" t="s">
        <v>26</v>
      </c>
      <c r="I76" s="3">
        <v>2020</v>
      </c>
      <c r="J76" s="2" t="s">
        <v>20</v>
      </c>
      <c r="K76" s="2"/>
      <c r="L76" s="2" t="s">
        <v>281</v>
      </c>
    </row>
    <row r="77" spans="1:12" ht="15.2" customHeight="1">
      <c r="A77" s="2" t="s">
        <v>220</v>
      </c>
      <c r="B77" s="2" t="s">
        <v>98</v>
      </c>
      <c r="C77" s="2" t="s">
        <v>282</v>
      </c>
      <c r="D77" s="2" t="s">
        <v>283</v>
      </c>
      <c r="E77" s="2" t="s">
        <v>279</v>
      </c>
      <c r="F77" s="2" t="s">
        <v>284</v>
      </c>
      <c r="G77" s="3">
        <v>2</v>
      </c>
      <c r="H77" s="2" t="s">
        <v>19</v>
      </c>
      <c r="I77" s="3">
        <v>2020</v>
      </c>
      <c r="J77" s="2" t="s">
        <v>20</v>
      </c>
      <c r="K77" s="2"/>
      <c r="L77" s="2" t="s">
        <v>285</v>
      </c>
    </row>
    <row r="78" spans="1:12" ht="15.2" customHeight="1">
      <c r="A78" s="2" t="s">
        <v>220</v>
      </c>
      <c r="B78" s="2" t="s">
        <v>103</v>
      </c>
      <c r="C78" s="2" t="s">
        <v>243</v>
      </c>
      <c r="D78" s="2" t="s">
        <v>244</v>
      </c>
      <c r="E78" s="2" t="s">
        <v>126</v>
      </c>
      <c r="F78" s="2" t="s">
        <v>245</v>
      </c>
      <c r="G78" s="3">
        <v>8</v>
      </c>
      <c r="H78" s="2" t="s">
        <v>19</v>
      </c>
      <c r="I78" s="3">
        <v>2019</v>
      </c>
      <c r="J78" s="2" t="s">
        <v>20</v>
      </c>
      <c r="K78" s="2"/>
      <c r="L78" s="2" t="s">
        <v>246</v>
      </c>
    </row>
    <row r="79" spans="1:12" ht="15.2" customHeight="1">
      <c r="A79" s="2" t="s">
        <v>220</v>
      </c>
      <c r="B79" s="2" t="s">
        <v>109</v>
      </c>
      <c r="C79" s="2" t="s">
        <v>248</v>
      </c>
      <c r="D79" s="2" t="s">
        <v>249</v>
      </c>
      <c r="E79" s="2" t="s">
        <v>126</v>
      </c>
      <c r="F79" s="2" t="s">
        <v>250</v>
      </c>
      <c r="G79" s="3">
        <v>7</v>
      </c>
      <c r="H79" s="2" t="s">
        <v>26</v>
      </c>
      <c r="I79" s="3">
        <v>2019</v>
      </c>
      <c r="J79" s="2" t="s">
        <v>20</v>
      </c>
      <c r="K79" s="2"/>
      <c r="L79" s="2" t="s">
        <v>251</v>
      </c>
    </row>
    <row r="80" spans="1:12" ht="15.2" customHeight="1">
      <c r="A80" s="2" t="s">
        <v>220</v>
      </c>
      <c r="B80" s="2" t="s">
        <v>114</v>
      </c>
      <c r="C80" s="2"/>
      <c r="D80" s="2" t="s">
        <v>286</v>
      </c>
      <c r="E80" s="2" t="s">
        <v>126</v>
      </c>
      <c r="F80" s="2" t="s">
        <v>287</v>
      </c>
      <c r="G80" s="3">
        <v>11</v>
      </c>
      <c r="H80" s="2" t="s">
        <v>75</v>
      </c>
      <c r="I80" s="3">
        <v>2019</v>
      </c>
      <c r="J80" s="2" t="s">
        <v>20</v>
      </c>
      <c r="K80" s="2"/>
      <c r="L80" s="2" t="s">
        <v>128</v>
      </c>
    </row>
    <row r="81" spans="1:12" ht="15.2" customHeight="1">
      <c r="A81" s="2" t="s">
        <v>220</v>
      </c>
      <c r="B81" s="2" t="s">
        <v>119</v>
      </c>
      <c r="C81" s="2"/>
      <c r="D81" s="2" t="s">
        <v>288</v>
      </c>
      <c r="E81" s="2" t="s">
        <v>126</v>
      </c>
      <c r="F81" s="2" t="s">
        <v>289</v>
      </c>
      <c r="G81" s="3">
        <v>15</v>
      </c>
      <c r="H81" s="2" t="s">
        <v>290</v>
      </c>
      <c r="I81" s="3">
        <v>2019</v>
      </c>
      <c r="J81" s="2" t="s">
        <v>20</v>
      </c>
      <c r="K81" s="2"/>
      <c r="L81" s="2" t="s">
        <v>128</v>
      </c>
    </row>
    <row r="82" spans="1:12" ht="15.2" customHeight="1">
      <c r="A82" s="2" t="s">
        <v>220</v>
      </c>
      <c r="B82" s="2" t="s">
        <v>124</v>
      </c>
      <c r="C82" s="2" t="s">
        <v>291</v>
      </c>
      <c r="D82" s="2" t="s">
        <v>292</v>
      </c>
      <c r="E82" s="2" t="s">
        <v>126</v>
      </c>
      <c r="F82" s="2" t="s">
        <v>293</v>
      </c>
      <c r="G82" s="3">
        <v>7</v>
      </c>
      <c r="H82" s="2" t="s">
        <v>26</v>
      </c>
      <c r="I82" s="3">
        <v>2018</v>
      </c>
      <c r="J82" s="2" t="s">
        <v>20</v>
      </c>
      <c r="K82" s="2"/>
      <c r="L82" s="2" t="s">
        <v>294</v>
      </c>
    </row>
    <row r="83" spans="1:12" ht="15.2" customHeight="1">
      <c r="A83" s="2" t="s">
        <v>220</v>
      </c>
      <c r="B83" s="2" t="s">
        <v>129</v>
      </c>
      <c r="C83" s="2" t="s">
        <v>295</v>
      </c>
      <c r="D83" s="2" t="s">
        <v>296</v>
      </c>
      <c r="E83" s="2" t="s">
        <v>126</v>
      </c>
      <c r="F83" s="2" t="s">
        <v>297</v>
      </c>
      <c r="G83" s="3">
        <v>8</v>
      </c>
      <c r="H83" s="2" t="s">
        <v>26</v>
      </c>
      <c r="I83" s="3">
        <v>2018</v>
      </c>
      <c r="J83" s="2" t="s">
        <v>20</v>
      </c>
      <c r="K83" s="2"/>
      <c r="L83" s="2" t="s">
        <v>298</v>
      </c>
    </row>
    <row r="84" spans="1:12" ht="15.2" customHeight="1">
      <c r="A84" s="2" t="s">
        <v>220</v>
      </c>
      <c r="B84" s="2" t="s">
        <v>132</v>
      </c>
      <c r="C84" s="2" t="s">
        <v>299</v>
      </c>
      <c r="D84" s="2" t="s">
        <v>300</v>
      </c>
      <c r="E84" s="2" t="s">
        <v>301</v>
      </c>
      <c r="F84" s="2" t="s">
        <v>302</v>
      </c>
      <c r="G84" s="3">
        <v>5</v>
      </c>
      <c r="H84" s="2" t="s">
        <v>19</v>
      </c>
      <c r="I84" s="3">
        <v>2016</v>
      </c>
      <c r="J84" s="2" t="s">
        <v>20</v>
      </c>
      <c r="K84" s="2"/>
      <c r="L84" s="2" t="s">
        <v>303</v>
      </c>
    </row>
    <row r="85" spans="1:12" ht="15.2" customHeight="1">
      <c r="A85" s="2" t="s">
        <v>220</v>
      </c>
      <c r="B85" s="2" t="s">
        <v>137</v>
      </c>
      <c r="C85" s="2" t="s">
        <v>304</v>
      </c>
      <c r="D85" s="2" t="s">
        <v>305</v>
      </c>
      <c r="E85" s="2" t="s">
        <v>301</v>
      </c>
      <c r="F85" s="2" t="s">
        <v>306</v>
      </c>
      <c r="G85" s="3">
        <v>4</v>
      </c>
      <c r="H85" s="2" t="s">
        <v>19</v>
      </c>
      <c r="I85" s="3">
        <v>2016</v>
      </c>
      <c r="J85" s="2" t="s">
        <v>20</v>
      </c>
      <c r="K85" s="2"/>
      <c r="L85" s="2" t="s">
        <v>307</v>
      </c>
    </row>
    <row r="86" spans="1:12" ht="15.2" customHeight="1">
      <c r="A86" s="2" t="s">
        <v>220</v>
      </c>
      <c r="B86" s="2" t="s">
        <v>143</v>
      </c>
      <c r="C86" s="2" t="s">
        <v>308</v>
      </c>
      <c r="D86" s="2" t="s">
        <v>309</v>
      </c>
      <c r="E86" s="2" t="s">
        <v>310</v>
      </c>
      <c r="F86" s="2" t="s">
        <v>311</v>
      </c>
      <c r="G86" s="3">
        <v>3</v>
      </c>
      <c r="H86" s="2" t="s">
        <v>89</v>
      </c>
      <c r="I86" s="3">
        <v>2011</v>
      </c>
      <c r="J86" s="2" t="s">
        <v>148</v>
      </c>
      <c r="K86" s="2"/>
      <c r="L86" s="2" t="s">
        <v>312</v>
      </c>
    </row>
    <row r="87" spans="1:12" ht="15.2" customHeight="1">
      <c r="A87" s="2" t="s">
        <v>220</v>
      </c>
      <c r="B87" s="2" t="s">
        <v>150</v>
      </c>
      <c r="C87" s="2" t="s">
        <v>85</v>
      </c>
      <c r="D87" s="2" t="s">
        <v>86</v>
      </c>
      <c r="E87" s="2" t="s">
        <v>87</v>
      </c>
      <c r="F87" s="2" t="s">
        <v>88</v>
      </c>
      <c r="G87" s="3">
        <v>1</v>
      </c>
      <c r="H87" s="2" t="s">
        <v>89</v>
      </c>
      <c r="I87" s="3">
        <v>2019</v>
      </c>
      <c r="J87" s="2" t="s">
        <v>90</v>
      </c>
      <c r="K87" s="2"/>
      <c r="L87" s="2" t="s">
        <v>91</v>
      </c>
    </row>
    <row r="88" spans="1:12" ht="15.2" customHeight="1">
      <c r="A88" s="2" t="s">
        <v>220</v>
      </c>
      <c r="B88" s="2" t="s">
        <v>156</v>
      </c>
      <c r="C88" s="2" t="s">
        <v>222</v>
      </c>
      <c r="D88" s="2" t="s">
        <v>223</v>
      </c>
      <c r="E88" s="2" t="s">
        <v>224</v>
      </c>
      <c r="F88" s="2" t="s">
        <v>225</v>
      </c>
      <c r="G88" s="3">
        <v>2</v>
      </c>
      <c r="H88" s="2" t="s">
        <v>75</v>
      </c>
      <c r="I88" s="3">
        <v>2015</v>
      </c>
      <c r="J88" s="2" t="s">
        <v>148</v>
      </c>
      <c r="K88" s="2"/>
      <c r="L88" s="2"/>
    </row>
    <row r="89" spans="1:12" ht="15.2" customHeight="1">
      <c r="A89" s="2" t="s">
        <v>220</v>
      </c>
      <c r="B89" s="2" t="s">
        <v>161</v>
      </c>
      <c r="C89" s="2" t="s">
        <v>226</v>
      </c>
      <c r="D89" s="2" t="s">
        <v>227</v>
      </c>
      <c r="E89" s="2" t="s">
        <v>164</v>
      </c>
      <c r="F89" s="2" t="s">
        <v>228</v>
      </c>
      <c r="G89" s="3">
        <v>5</v>
      </c>
      <c r="H89" s="2" t="s">
        <v>166</v>
      </c>
      <c r="I89" s="3">
        <v>2018</v>
      </c>
      <c r="J89" s="2" t="s">
        <v>20</v>
      </c>
      <c r="K89" s="2"/>
      <c r="L89" s="2" t="s">
        <v>229</v>
      </c>
    </row>
    <row r="90" spans="1:12" ht="15.2" customHeight="1">
      <c r="A90" s="2" t="s">
        <v>220</v>
      </c>
      <c r="B90" s="2" t="s">
        <v>168</v>
      </c>
      <c r="C90" s="2" t="s">
        <v>277</v>
      </c>
      <c r="D90" s="2" t="s">
        <v>278</v>
      </c>
      <c r="E90" s="2" t="s">
        <v>279</v>
      </c>
      <c r="F90" s="2" t="s">
        <v>280</v>
      </c>
      <c r="G90" s="3">
        <v>3</v>
      </c>
      <c r="H90" s="2" t="s">
        <v>26</v>
      </c>
      <c r="I90" s="3">
        <v>2020</v>
      </c>
      <c r="J90" s="2" t="s">
        <v>20</v>
      </c>
      <c r="K90" s="2"/>
      <c r="L90" s="2" t="s">
        <v>281</v>
      </c>
    </row>
    <row r="91" spans="1:12" ht="15.2" customHeight="1">
      <c r="A91" s="2" t="s">
        <v>220</v>
      </c>
      <c r="B91" s="2" t="s">
        <v>169</v>
      </c>
      <c r="C91" s="2" t="s">
        <v>282</v>
      </c>
      <c r="D91" s="2" t="s">
        <v>283</v>
      </c>
      <c r="E91" s="2" t="s">
        <v>279</v>
      </c>
      <c r="F91" s="2" t="s">
        <v>284</v>
      </c>
      <c r="G91" s="3">
        <v>2</v>
      </c>
      <c r="H91" s="2" t="s">
        <v>19</v>
      </c>
      <c r="I91" s="3">
        <v>2020</v>
      </c>
      <c r="J91" s="2" t="s">
        <v>20</v>
      </c>
      <c r="K91" s="2"/>
      <c r="L91" s="2" t="s">
        <v>285</v>
      </c>
    </row>
    <row r="92" spans="1:12" ht="15.2" customHeight="1">
      <c r="A92" s="2" t="s">
        <v>220</v>
      </c>
      <c r="B92" s="2" t="s">
        <v>170</v>
      </c>
      <c r="C92" s="2"/>
      <c r="D92" s="2" t="s">
        <v>286</v>
      </c>
      <c r="E92" s="2" t="s">
        <v>126</v>
      </c>
      <c r="F92" s="2" t="s">
        <v>287</v>
      </c>
      <c r="G92" s="3">
        <v>11</v>
      </c>
      <c r="H92" s="2" t="s">
        <v>75</v>
      </c>
      <c r="I92" s="3">
        <v>2019</v>
      </c>
      <c r="J92" s="2" t="s">
        <v>20</v>
      </c>
      <c r="K92" s="2"/>
      <c r="L92" s="2" t="s">
        <v>128</v>
      </c>
    </row>
    <row r="93" spans="1:12" ht="15.2" customHeight="1">
      <c r="A93" s="2" t="s">
        <v>313</v>
      </c>
      <c r="B93" s="2" t="s">
        <v>14</v>
      </c>
      <c r="C93" s="2" t="s">
        <v>253</v>
      </c>
      <c r="D93" s="2" t="s">
        <v>254</v>
      </c>
      <c r="E93" s="2" t="s">
        <v>87</v>
      </c>
      <c r="F93" s="2" t="s">
        <v>255</v>
      </c>
      <c r="G93" s="3">
        <v>2</v>
      </c>
      <c r="H93" s="2" t="s">
        <v>89</v>
      </c>
      <c r="I93" s="3">
        <v>2019</v>
      </c>
      <c r="J93" s="2" t="s">
        <v>90</v>
      </c>
      <c r="K93" s="2"/>
      <c r="L93" s="2" t="s">
        <v>256</v>
      </c>
    </row>
    <row r="94" spans="1:12" ht="15.2" customHeight="1">
      <c r="A94" s="2" t="s">
        <v>313</v>
      </c>
      <c r="B94" s="2" t="s">
        <v>221</v>
      </c>
      <c r="C94" s="2" t="s">
        <v>314</v>
      </c>
      <c r="D94" s="2" t="s">
        <v>315</v>
      </c>
      <c r="E94" s="2" t="s">
        <v>316</v>
      </c>
      <c r="F94" s="2" t="s">
        <v>317</v>
      </c>
      <c r="G94" s="3">
        <v>1</v>
      </c>
      <c r="H94" s="2" t="s">
        <v>19</v>
      </c>
      <c r="I94" s="3">
        <v>2017</v>
      </c>
      <c r="J94" s="2" t="s">
        <v>318</v>
      </c>
      <c r="K94" s="2"/>
      <c r="L94" s="2" t="s">
        <v>319</v>
      </c>
    </row>
    <row r="95" spans="1:12" ht="15.2" customHeight="1">
      <c r="A95" s="2" t="s">
        <v>313</v>
      </c>
      <c r="B95" s="2" t="s">
        <v>28</v>
      </c>
      <c r="C95" s="2" t="s">
        <v>320</v>
      </c>
      <c r="D95" s="2" t="s">
        <v>321</v>
      </c>
      <c r="E95" s="2" t="s">
        <v>164</v>
      </c>
      <c r="F95" s="2" t="s">
        <v>322</v>
      </c>
      <c r="G95" s="3">
        <v>6</v>
      </c>
      <c r="H95" s="2" t="s">
        <v>166</v>
      </c>
      <c r="I95" s="3">
        <v>2018</v>
      </c>
      <c r="J95" s="2" t="s">
        <v>20</v>
      </c>
      <c r="K95" s="2"/>
      <c r="L95" s="2" t="s">
        <v>323</v>
      </c>
    </row>
    <row r="96" spans="1:12" ht="15.2" customHeight="1">
      <c r="A96" s="2" t="s">
        <v>313</v>
      </c>
      <c r="B96" s="2" t="s">
        <v>230</v>
      </c>
      <c r="C96" s="2" t="s">
        <v>29</v>
      </c>
      <c r="D96" s="2" t="s">
        <v>30</v>
      </c>
      <c r="E96" s="2" t="s">
        <v>31</v>
      </c>
      <c r="F96" s="2" t="s">
        <v>32</v>
      </c>
      <c r="G96" s="3">
        <v>3</v>
      </c>
      <c r="H96" s="2" t="s">
        <v>19</v>
      </c>
      <c r="I96" s="3">
        <v>2018</v>
      </c>
      <c r="J96" s="2" t="s">
        <v>33</v>
      </c>
      <c r="K96" s="2"/>
      <c r="L96" s="2"/>
    </row>
    <row r="97" spans="1:12" ht="15.2" customHeight="1">
      <c r="A97" s="2" t="s">
        <v>313</v>
      </c>
      <c r="B97" s="2" t="s">
        <v>233</v>
      </c>
      <c r="C97" s="2" t="s">
        <v>35</v>
      </c>
      <c r="D97" s="2" t="s">
        <v>36</v>
      </c>
      <c r="E97" s="2" t="s">
        <v>31</v>
      </c>
      <c r="F97" s="2" t="s">
        <v>37</v>
      </c>
      <c r="G97" s="3">
        <v>4</v>
      </c>
      <c r="H97" s="2" t="s">
        <v>19</v>
      </c>
      <c r="I97" s="3">
        <v>2018</v>
      </c>
      <c r="J97" s="2" t="s">
        <v>33</v>
      </c>
      <c r="K97" s="2"/>
      <c r="L97" s="2"/>
    </row>
    <row r="98" spans="1:12" ht="15.2" customHeight="1">
      <c r="A98" s="2" t="s">
        <v>313</v>
      </c>
      <c r="B98" s="2" t="s">
        <v>237</v>
      </c>
      <c r="C98" s="2" t="s">
        <v>39</v>
      </c>
      <c r="D98" s="2" t="s">
        <v>40</v>
      </c>
      <c r="E98" s="2" t="s">
        <v>31</v>
      </c>
      <c r="F98" s="2" t="s">
        <v>41</v>
      </c>
      <c r="G98" s="3">
        <v>5</v>
      </c>
      <c r="H98" s="2" t="s">
        <v>19</v>
      </c>
      <c r="I98" s="3">
        <v>2018</v>
      </c>
      <c r="J98" s="2" t="s">
        <v>33</v>
      </c>
      <c r="K98" s="2"/>
      <c r="L98" s="2"/>
    </row>
    <row r="99" spans="1:12" ht="15.2" customHeight="1">
      <c r="A99" s="2" t="s">
        <v>313</v>
      </c>
      <c r="B99" s="2" t="s">
        <v>242</v>
      </c>
      <c r="C99" s="2" t="s">
        <v>324</v>
      </c>
      <c r="D99" s="2" t="s">
        <v>325</v>
      </c>
      <c r="E99" s="2" t="s">
        <v>126</v>
      </c>
      <c r="F99" s="2" t="s">
        <v>326</v>
      </c>
      <c r="G99" s="3">
        <v>1</v>
      </c>
      <c r="H99" s="2" t="s">
        <v>19</v>
      </c>
      <c r="I99" s="3">
        <v>2018</v>
      </c>
      <c r="J99" s="2" t="s">
        <v>20</v>
      </c>
      <c r="K99" s="2"/>
      <c r="L99" s="2" t="s">
        <v>327</v>
      </c>
    </row>
    <row r="100" spans="1:12" ht="15.2" customHeight="1">
      <c r="A100" s="2" t="s">
        <v>313</v>
      </c>
      <c r="B100" s="2" t="s">
        <v>247</v>
      </c>
      <c r="C100" s="2" t="s">
        <v>243</v>
      </c>
      <c r="D100" s="2" t="s">
        <v>244</v>
      </c>
      <c r="E100" s="2" t="s">
        <v>126</v>
      </c>
      <c r="F100" s="2" t="s">
        <v>245</v>
      </c>
      <c r="G100" s="3">
        <v>8</v>
      </c>
      <c r="H100" s="2" t="s">
        <v>19</v>
      </c>
      <c r="I100" s="3">
        <v>2019</v>
      </c>
      <c r="J100" s="2" t="s">
        <v>20</v>
      </c>
      <c r="K100" s="2"/>
      <c r="L100" s="2" t="s">
        <v>246</v>
      </c>
    </row>
    <row r="101" spans="1:12" ht="15.2" customHeight="1">
      <c r="A101" s="2" t="s">
        <v>313</v>
      </c>
      <c r="B101" s="2" t="s">
        <v>252</v>
      </c>
      <c r="C101" s="2" t="s">
        <v>328</v>
      </c>
      <c r="D101" s="2" t="s">
        <v>329</v>
      </c>
      <c r="E101" s="2" t="s">
        <v>330</v>
      </c>
      <c r="F101" s="2" t="s">
        <v>331</v>
      </c>
      <c r="G101" s="3">
        <v>1</v>
      </c>
      <c r="H101" s="2" t="s">
        <v>19</v>
      </c>
      <c r="I101" s="3">
        <v>2017</v>
      </c>
      <c r="J101" s="2" t="s">
        <v>33</v>
      </c>
      <c r="K101" s="2"/>
      <c r="L101" s="2" t="s">
        <v>332</v>
      </c>
    </row>
    <row r="102" spans="1:12" ht="15.2" customHeight="1">
      <c r="A102" s="2" t="s">
        <v>313</v>
      </c>
      <c r="B102" s="2" t="s">
        <v>257</v>
      </c>
      <c r="C102" s="2" t="s">
        <v>333</v>
      </c>
      <c r="D102" s="2" t="s">
        <v>334</v>
      </c>
      <c r="E102" s="2" t="s">
        <v>335</v>
      </c>
      <c r="F102" s="2" t="s">
        <v>336</v>
      </c>
      <c r="G102" s="3">
        <v>1</v>
      </c>
      <c r="H102" s="2" t="s">
        <v>75</v>
      </c>
      <c r="I102" s="3">
        <v>2019</v>
      </c>
      <c r="J102" s="2" t="s">
        <v>33</v>
      </c>
      <c r="K102" s="2"/>
      <c r="L102" s="2" t="s">
        <v>337</v>
      </c>
    </row>
    <row r="103" spans="1:12" ht="15.2" customHeight="1">
      <c r="A103" s="2" t="s">
        <v>313</v>
      </c>
      <c r="B103" s="2" t="s">
        <v>262</v>
      </c>
      <c r="C103" s="2" t="s">
        <v>338</v>
      </c>
      <c r="D103" s="2" t="s">
        <v>339</v>
      </c>
      <c r="E103" s="2" t="s">
        <v>340</v>
      </c>
      <c r="F103" s="2" t="s">
        <v>341</v>
      </c>
      <c r="G103" s="3">
        <v>1</v>
      </c>
      <c r="H103" s="2" t="s">
        <v>19</v>
      </c>
      <c r="I103" s="3">
        <v>2016</v>
      </c>
      <c r="J103" s="2" t="s">
        <v>33</v>
      </c>
      <c r="K103" s="2"/>
      <c r="L103" s="2" t="s">
        <v>342</v>
      </c>
    </row>
    <row r="104" spans="1:12" ht="15.2" customHeight="1">
      <c r="A104" s="2" t="s">
        <v>313</v>
      </c>
      <c r="B104" s="2" t="s">
        <v>267</v>
      </c>
      <c r="C104" s="2" t="s">
        <v>343</v>
      </c>
      <c r="D104" s="2" t="s">
        <v>344</v>
      </c>
      <c r="E104" s="2" t="s">
        <v>345</v>
      </c>
      <c r="F104" s="2" t="s">
        <v>346</v>
      </c>
      <c r="G104" s="3">
        <v>1</v>
      </c>
      <c r="H104" s="2" t="s">
        <v>19</v>
      </c>
      <c r="I104" s="3">
        <v>2017</v>
      </c>
      <c r="J104" s="2" t="s">
        <v>33</v>
      </c>
      <c r="K104" s="2"/>
      <c r="L104" s="2" t="s">
        <v>347</v>
      </c>
    </row>
    <row r="105" spans="1:12" ht="15.2" customHeight="1">
      <c r="A105" s="2" t="s">
        <v>313</v>
      </c>
      <c r="B105" s="2" t="s">
        <v>272</v>
      </c>
      <c r="C105" s="2" t="s">
        <v>348</v>
      </c>
      <c r="D105" s="2" t="s">
        <v>349</v>
      </c>
      <c r="E105" s="2" t="s">
        <v>350</v>
      </c>
      <c r="F105" s="2" t="s">
        <v>351</v>
      </c>
      <c r="G105" s="3">
        <v>1</v>
      </c>
      <c r="H105" s="2" t="s">
        <v>19</v>
      </c>
      <c r="I105" s="3">
        <v>2017</v>
      </c>
      <c r="J105" s="2" t="s">
        <v>20</v>
      </c>
      <c r="K105" s="2"/>
      <c r="L105" s="2" t="s">
        <v>352</v>
      </c>
    </row>
    <row r="106" spans="1:12" ht="15.2" customHeight="1">
      <c r="A106" s="2" t="s">
        <v>313</v>
      </c>
      <c r="B106" s="2" t="s">
        <v>92</v>
      </c>
      <c r="C106" s="2" t="s">
        <v>353</v>
      </c>
      <c r="D106" s="2" t="s">
        <v>354</v>
      </c>
      <c r="E106" s="2" t="s">
        <v>279</v>
      </c>
      <c r="F106" s="2" t="s">
        <v>355</v>
      </c>
      <c r="G106" s="3">
        <v>4</v>
      </c>
      <c r="H106" s="2" t="s">
        <v>19</v>
      </c>
      <c r="I106" s="3">
        <v>2020</v>
      </c>
      <c r="J106" s="2" t="s">
        <v>20</v>
      </c>
      <c r="K106" s="2"/>
      <c r="L106" s="2" t="s">
        <v>356</v>
      </c>
    </row>
    <row r="107" spans="1:12" ht="15.2" customHeight="1">
      <c r="A107" s="2" t="s">
        <v>313</v>
      </c>
      <c r="B107" s="2" t="s">
        <v>98</v>
      </c>
      <c r="C107" s="2" t="s">
        <v>277</v>
      </c>
      <c r="D107" s="2" t="s">
        <v>278</v>
      </c>
      <c r="E107" s="2" t="s">
        <v>279</v>
      </c>
      <c r="F107" s="2" t="s">
        <v>280</v>
      </c>
      <c r="G107" s="3">
        <v>3</v>
      </c>
      <c r="H107" s="2" t="s">
        <v>26</v>
      </c>
      <c r="I107" s="3">
        <v>2020</v>
      </c>
      <c r="J107" s="2" t="s">
        <v>20</v>
      </c>
      <c r="K107" s="2"/>
      <c r="L107" s="2" t="s">
        <v>281</v>
      </c>
    </row>
    <row r="108" spans="1:12" ht="15.2" customHeight="1">
      <c r="A108" s="2" t="s">
        <v>313</v>
      </c>
      <c r="B108" s="2" t="s">
        <v>103</v>
      </c>
      <c r="C108" s="2" t="s">
        <v>324</v>
      </c>
      <c r="D108" s="2" t="s">
        <v>325</v>
      </c>
      <c r="E108" s="2" t="s">
        <v>126</v>
      </c>
      <c r="F108" s="2" t="s">
        <v>326</v>
      </c>
      <c r="G108" s="3">
        <v>1</v>
      </c>
      <c r="H108" s="2" t="s">
        <v>19</v>
      </c>
      <c r="I108" s="3">
        <v>2018</v>
      </c>
      <c r="J108" s="2" t="s">
        <v>20</v>
      </c>
      <c r="K108" s="2"/>
      <c r="L108" s="2" t="s">
        <v>327</v>
      </c>
    </row>
    <row r="109" spans="1:12" ht="15.2" customHeight="1">
      <c r="A109" s="2" t="s">
        <v>313</v>
      </c>
      <c r="B109" s="2" t="s">
        <v>109</v>
      </c>
      <c r="C109" s="2" t="s">
        <v>243</v>
      </c>
      <c r="D109" s="2" t="s">
        <v>244</v>
      </c>
      <c r="E109" s="2" t="s">
        <v>126</v>
      </c>
      <c r="F109" s="2" t="s">
        <v>245</v>
      </c>
      <c r="G109" s="3">
        <v>8</v>
      </c>
      <c r="H109" s="2" t="s">
        <v>19</v>
      </c>
      <c r="I109" s="3">
        <v>2019</v>
      </c>
      <c r="J109" s="2" t="s">
        <v>20</v>
      </c>
      <c r="K109" s="2"/>
      <c r="L109" s="2" t="s">
        <v>246</v>
      </c>
    </row>
    <row r="110" spans="1:12" s="8" customFormat="1" ht="15.2" customHeight="1">
      <c r="A110" s="7" t="s">
        <v>313</v>
      </c>
      <c r="B110" s="7" t="s">
        <v>114</v>
      </c>
      <c r="C110" s="7" t="s">
        <v>357</v>
      </c>
      <c r="D110" s="7" t="s">
        <v>358</v>
      </c>
      <c r="E110" s="7" t="s">
        <v>31</v>
      </c>
      <c r="F110" s="7" t="s">
        <v>359</v>
      </c>
      <c r="G110" s="7">
        <v>6</v>
      </c>
      <c r="H110" s="7" t="s">
        <v>19</v>
      </c>
      <c r="I110" s="7">
        <v>2018</v>
      </c>
      <c r="J110" s="7" t="s">
        <v>33</v>
      </c>
      <c r="K110" s="7"/>
      <c r="L110" s="7"/>
    </row>
    <row r="111" spans="1:12" ht="15.2" customHeight="1">
      <c r="A111" s="2" t="s">
        <v>313</v>
      </c>
      <c r="B111" s="2" t="s">
        <v>119</v>
      </c>
      <c r="C111" s="2" t="s">
        <v>360</v>
      </c>
      <c r="D111" s="2" t="s">
        <v>361</v>
      </c>
      <c r="E111" s="2" t="s">
        <v>31</v>
      </c>
      <c r="F111" s="2" t="s">
        <v>362</v>
      </c>
      <c r="G111" s="3">
        <v>1</v>
      </c>
      <c r="H111" s="2" t="s">
        <v>19</v>
      </c>
      <c r="I111" s="3">
        <v>2020</v>
      </c>
      <c r="J111" s="2" t="s">
        <v>20</v>
      </c>
      <c r="K111" s="2"/>
      <c r="L111" s="2" t="s">
        <v>363</v>
      </c>
    </row>
    <row r="112" spans="1:12" ht="15.2" customHeight="1">
      <c r="A112" s="2" t="s">
        <v>313</v>
      </c>
      <c r="B112" s="2" t="s">
        <v>124</v>
      </c>
      <c r="C112" s="2" t="s">
        <v>364</v>
      </c>
      <c r="D112" s="2" t="s">
        <v>365</v>
      </c>
      <c r="E112" s="2" t="s">
        <v>31</v>
      </c>
      <c r="F112" s="2" t="s">
        <v>366</v>
      </c>
      <c r="G112" s="3">
        <v>2</v>
      </c>
      <c r="H112" s="2" t="s">
        <v>19</v>
      </c>
      <c r="I112" s="3">
        <v>2020</v>
      </c>
      <c r="J112" s="2" t="s">
        <v>20</v>
      </c>
      <c r="K112" s="2"/>
      <c r="L112" s="2" t="s">
        <v>367</v>
      </c>
    </row>
    <row r="113" spans="1:12" ht="15.2" customHeight="1">
      <c r="A113" s="2" t="s">
        <v>313</v>
      </c>
      <c r="B113" s="2" t="s">
        <v>129</v>
      </c>
      <c r="C113" s="2" t="s">
        <v>368</v>
      </c>
      <c r="D113" s="2" t="s">
        <v>369</v>
      </c>
      <c r="E113" s="2" t="s">
        <v>31</v>
      </c>
      <c r="F113" s="2" t="s">
        <v>370</v>
      </c>
      <c r="G113" s="3">
        <v>3</v>
      </c>
      <c r="H113" s="2" t="s">
        <v>19</v>
      </c>
      <c r="I113" s="3">
        <v>2020</v>
      </c>
      <c r="J113" s="2" t="s">
        <v>20</v>
      </c>
      <c r="K113" s="2"/>
      <c r="L113" s="2" t="s">
        <v>371</v>
      </c>
    </row>
    <row r="114" spans="1:12" ht="15.2" customHeight="1">
      <c r="A114" s="2" t="s">
        <v>313</v>
      </c>
      <c r="B114" s="2" t="s">
        <v>132</v>
      </c>
      <c r="C114" s="2" t="s">
        <v>372</v>
      </c>
      <c r="D114" s="2" t="s">
        <v>373</v>
      </c>
      <c r="E114" s="2" t="s">
        <v>301</v>
      </c>
      <c r="F114" s="2" t="s">
        <v>374</v>
      </c>
      <c r="G114" s="3">
        <v>6</v>
      </c>
      <c r="H114" s="2" t="s">
        <v>19</v>
      </c>
      <c r="I114" s="3">
        <v>2016</v>
      </c>
      <c r="J114" s="2" t="s">
        <v>20</v>
      </c>
      <c r="K114" s="2"/>
      <c r="L114" s="2" t="s">
        <v>375</v>
      </c>
    </row>
    <row r="115" spans="1:12" ht="15.2" customHeight="1">
      <c r="A115" s="2" t="s">
        <v>313</v>
      </c>
      <c r="B115" s="2" t="s">
        <v>137</v>
      </c>
      <c r="C115" s="2" t="s">
        <v>299</v>
      </c>
      <c r="D115" s="2" t="s">
        <v>300</v>
      </c>
      <c r="E115" s="2" t="s">
        <v>301</v>
      </c>
      <c r="F115" s="2" t="s">
        <v>302</v>
      </c>
      <c r="G115" s="3">
        <v>5</v>
      </c>
      <c r="H115" s="2" t="s">
        <v>19</v>
      </c>
      <c r="I115" s="3">
        <v>2016</v>
      </c>
      <c r="J115" s="2" t="s">
        <v>20</v>
      </c>
      <c r="K115" s="2"/>
      <c r="L115" s="2" t="s">
        <v>303</v>
      </c>
    </row>
    <row r="116" spans="1:12" ht="15.2" customHeight="1">
      <c r="A116" s="2" t="s">
        <v>313</v>
      </c>
      <c r="B116" s="2" t="s">
        <v>143</v>
      </c>
      <c r="C116" s="2" t="s">
        <v>376</v>
      </c>
      <c r="D116" s="2" t="s">
        <v>377</v>
      </c>
      <c r="E116" s="2" t="s">
        <v>301</v>
      </c>
      <c r="F116" s="2" t="s">
        <v>378</v>
      </c>
      <c r="G116" s="3">
        <v>1</v>
      </c>
      <c r="H116" s="2" t="s">
        <v>19</v>
      </c>
      <c r="I116" s="3">
        <v>2016</v>
      </c>
      <c r="J116" s="2" t="s">
        <v>20</v>
      </c>
      <c r="K116" s="2"/>
      <c r="L116" s="2" t="s">
        <v>379</v>
      </c>
    </row>
    <row r="117" spans="1:12" ht="15.2" customHeight="1">
      <c r="A117" s="2" t="s">
        <v>313</v>
      </c>
      <c r="B117" s="2" t="s">
        <v>150</v>
      </c>
      <c r="C117" s="2" t="s">
        <v>253</v>
      </c>
      <c r="D117" s="2" t="s">
        <v>254</v>
      </c>
      <c r="E117" s="2" t="s">
        <v>87</v>
      </c>
      <c r="F117" s="2" t="s">
        <v>255</v>
      </c>
      <c r="G117" s="3">
        <v>2</v>
      </c>
      <c r="H117" s="2" t="s">
        <v>89</v>
      </c>
      <c r="I117" s="3">
        <v>2019</v>
      </c>
      <c r="J117" s="2" t="s">
        <v>90</v>
      </c>
      <c r="K117" s="2"/>
      <c r="L117" s="2" t="s">
        <v>256</v>
      </c>
    </row>
    <row r="118" spans="1:12" ht="15.2" customHeight="1">
      <c r="A118" s="2" t="s">
        <v>313</v>
      </c>
      <c r="B118" s="2" t="s">
        <v>156</v>
      </c>
      <c r="C118" s="2" t="s">
        <v>314</v>
      </c>
      <c r="D118" s="2" t="s">
        <v>315</v>
      </c>
      <c r="E118" s="2" t="s">
        <v>316</v>
      </c>
      <c r="F118" s="2" t="s">
        <v>317</v>
      </c>
      <c r="G118" s="3">
        <v>1</v>
      </c>
      <c r="H118" s="2" t="s">
        <v>19</v>
      </c>
      <c r="I118" s="3">
        <v>2017</v>
      </c>
      <c r="J118" s="2" t="s">
        <v>318</v>
      </c>
      <c r="K118" s="2"/>
      <c r="L118" s="2" t="s">
        <v>319</v>
      </c>
    </row>
    <row r="119" spans="1:12" ht="15.2" customHeight="1">
      <c r="A119" s="2" t="s">
        <v>313</v>
      </c>
      <c r="B119" s="2" t="s">
        <v>161</v>
      </c>
      <c r="C119" s="2" t="s">
        <v>320</v>
      </c>
      <c r="D119" s="2" t="s">
        <v>321</v>
      </c>
      <c r="E119" s="2" t="s">
        <v>164</v>
      </c>
      <c r="F119" s="2" t="s">
        <v>322</v>
      </c>
      <c r="G119" s="3">
        <v>6</v>
      </c>
      <c r="H119" s="2" t="s">
        <v>166</v>
      </c>
      <c r="I119" s="3">
        <v>2018</v>
      </c>
      <c r="J119" s="2" t="s">
        <v>20</v>
      </c>
      <c r="K119" s="2"/>
      <c r="L119" s="2" t="s">
        <v>323</v>
      </c>
    </row>
    <row r="120" spans="1:12" ht="15.2" customHeight="1">
      <c r="A120" s="2" t="s">
        <v>313</v>
      </c>
      <c r="B120" s="2" t="s">
        <v>168</v>
      </c>
      <c r="C120" s="2" t="s">
        <v>353</v>
      </c>
      <c r="D120" s="2" t="s">
        <v>354</v>
      </c>
      <c r="E120" s="2" t="s">
        <v>279</v>
      </c>
      <c r="F120" s="2" t="s">
        <v>355</v>
      </c>
      <c r="G120" s="3">
        <v>4</v>
      </c>
      <c r="H120" s="2" t="s">
        <v>19</v>
      </c>
      <c r="I120" s="3">
        <v>2020</v>
      </c>
      <c r="J120" s="2" t="s">
        <v>20</v>
      </c>
      <c r="K120" s="2"/>
      <c r="L120" s="2" t="s">
        <v>356</v>
      </c>
    </row>
    <row r="121" spans="1:12" ht="15.2" customHeight="1">
      <c r="A121" s="2" t="s">
        <v>313</v>
      </c>
      <c r="B121" s="2" t="s">
        <v>169</v>
      </c>
      <c r="C121" s="2" t="s">
        <v>277</v>
      </c>
      <c r="D121" s="2" t="s">
        <v>278</v>
      </c>
      <c r="E121" s="2" t="s">
        <v>279</v>
      </c>
      <c r="F121" s="2" t="s">
        <v>280</v>
      </c>
      <c r="G121" s="3">
        <v>3</v>
      </c>
      <c r="H121" s="2" t="s">
        <v>26</v>
      </c>
      <c r="I121" s="3">
        <v>2020</v>
      </c>
      <c r="J121" s="2" t="s">
        <v>20</v>
      </c>
      <c r="K121" s="2"/>
      <c r="L121" s="2" t="s">
        <v>281</v>
      </c>
    </row>
    <row r="122" spans="1:12" ht="15.2" customHeight="1">
      <c r="A122" s="2" t="s">
        <v>313</v>
      </c>
      <c r="B122" s="2" t="s">
        <v>170</v>
      </c>
      <c r="C122" s="2" t="s">
        <v>357</v>
      </c>
      <c r="D122" s="2" t="s">
        <v>358</v>
      </c>
      <c r="E122" s="2" t="s">
        <v>31</v>
      </c>
      <c r="F122" s="2" t="s">
        <v>359</v>
      </c>
      <c r="G122" s="3">
        <v>6</v>
      </c>
      <c r="H122" s="2" t="s">
        <v>19</v>
      </c>
      <c r="I122" s="3">
        <v>2018</v>
      </c>
      <c r="J122" s="2" t="s">
        <v>33</v>
      </c>
      <c r="K122" s="2"/>
      <c r="L122" s="2"/>
    </row>
    <row r="123" spans="1:12" ht="15.2" customHeight="1">
      <c r="A123" s="2" t="s">
        <v>380</v>
      </c>
      <c r="B123" s="2" t="s">
        <v>14</v>
      </c>
      <c r="C123" s="2" t="s">
        <v>258</v>
      </c>
      <c r="D123" s="2" t="s">
        <v>259</v>
      </c>
      <c r="E123" s="2" t="s">
        <v>87</v>
      </c>
      <c r="F123" s="2" t="s">
        <v>260</v>
      </c>
      <c r="G123" s="3">
        <v>3</v>
      </c>
      <c r="H123" s="2" t="s">
        <v>89</v>
      </c>
      <c r="I123" s="3">
        <v>2019</v>
      </c>
      <c r="J123" s="2" t="s">
        <v>90</v>
      </c>
      <c r="K123" s="2"/>
      <c r="L123" s="2" t="s">
        <v>261</v>
      </c>
    </row>
    <row r="124" spans="1:12" ht="15.2" customHeight="1">
      <c r="A124" s="2" t="s">
        <v>380</v>
      </c>
      <c r="B124" s="2" t="s">
        <v>221</v>
      </c>
      <c r="C124" s="2" t="s">
        <v>381</v>
      </c>
      <c r="D124" s="2" t="s">
        <v>382</v>
      </c>
      <c r="E124" s="2" t="s">
        <v>383</v>
      </c>
      <c r="F124" s="2" t="s">
        <v>383</v>
      </c>
      <c r="G124" s="3">
        <v>1</v>
      </c>
      <c r="H124" s="2" t="s">
        <v>75</v>
      </c>
      <c r="I124" s="3">
        <v>2014</v>
      </c>
      <c r="J124" s="2" t="s">
        <v>148</v>
      </c>
      <c r="K124" s="2"/>
      <c r="L124" s="2" t="s">
        <v>384</v>
      </c>
    </row>
    <row r="125" spans="1:12" ht="15.2" customHeight="1">
      <c r="A125" s="2" t="s">
        <v>380</v>
      </c>
      <c r="B125" s="2" t="s">
        <v>28</v>
      </c>
      <c r="C125" s="2" t="s">
        <v>385</v>
      </c>
      <c r="D125" s="2" t="s">
        <v>386</v>
      </c>
      <c r="E125" s="2" t="s">
        <v>164</v>
      </c>
      <c r="F125" s="2" t="s">
        <v>387</v>
      </c>
      <c r="G125" s="3">
        <v>7</v>
      </c>
      <c r="H125" s="2" t="s">
        <v>166</v>
      </c>
      <c r="I125" s="3">
        <v>2018</v>
      </c>
      <c r="J125" s="2" t="s">
        <v>20</v>
      </c>
      <c r="K125" s="2"/>
      <c r="L125" s="2" t="s">
        <v>388</v>
      </c>
    </row>
    <row r="126" spans="1:12" ht="15.2" customHeight="1">
      <c r="A126" s="2" t="s">
        <v>380</v>
      </c>
      <c r="B126" s="2" t="s">
        <v>230</v>
      </c>
      <c r="C126" s="2" t="s">
        <v>65</v>
      </c>
      <c r="D126" s="2" t="s">
        <v>66</v>
      </c>
      <c r="E126" s="2" t="s">
        <v>67</v>
      </c>
      <c r="F126" s="2" t="s">
        <v>68</v>
      </c>
      <c r="G126" s="3">
        <v>1</v>
      </c>
      <c r="H126" s="2" t="s">
        <v>19</v>
      </c>
      <c r="I126" s="3">
        <v>2019</v>
      </c>
      <c r="J126" s="2" t="s">
        <v>20</v>
      </c>
      <c r="K126" s="2"/>
      <c r="L126" s="2" t="s">
        <v>69</v>
      </c>
    </row>
    <row r="127" spans="1:12" ht="15.2" customHeight="1">
      <c r="A127" s="2" t="s">
        <v>380</v>
      </c>
      <c r="B127" s="2" t="s">
        <v>233</v>
      </c>
      <c r="C127" s="2" t="s">
        <v>71</v>
      </c>
      <c r="D127" s="2" t="s">
        <v>72</v>
      </c>
      <c r="E127" s="2" t="s">
        <v>73</v>
      </c>
      <c r="F127" s="2" t="s">
        <v>74</v>
      </c>
      <c r="G127" s="3">
        <v>1</v>
      </c>
      <c r="H127" s="2" t="s">
        <v>75</v>
      </c>
      <c r="I127" s="3">
        <v>2018</v>
      </c>
      <c r="J127" s="2" t="s">
        <v>20</v>
      </c>
      <c r="K127" s="2"/>
      <c r="L127" s="2" t="s">
        <v>76</v>
      </c>
    </row>
    <row r="128" spans="1:12" ht="15.2" customHeight="1">
      <c r="A128" s="2" t="s">
        <v>380</v>
      </c>
      <c r="B128" s="2" t="s">
        <v>237</v>
      </c>
      <c r="C128" s="2" t="s">
        <v>78</v>
      </c>
      <c r="D128" s="2" t="s">
        <v>79</v>
      </c>
      <c r="E128" s="2" t="s">
        <v>80</v>
      </c>
      <c r="F128" s="2" t="s">
        <v>81</v>
      </c>
      <c r="G128" s="3">
        <v>1</v>
      </c>
      <c r="H128" s="2" t="s">
        <v>82</v>
      </c>
      <c r="I128" s="3">
        <v>2019</v>
      </c>
      <c r="J128" s="2" t="s">
        <v>20</v>
      </c>
      <c r="K128" s="2"/>
      <c r="L128" s="2" t="s">
        <v>83</v>
      </c>
    </row>
    <row r="129" spans="1:12" ht="15.2" customHeight="1">
      <c r="A129" s="2" t="s">
        <v>380</v>
      </c>
      <c r="B129" s="2" t="s">
        <v>242</v>
      </c>
      <c r="C129" s="2" t="s">
        <v>389</v>
      </c>
      <c r="D129" s="2" t="s">
        <v>390</v>
      </c>
      <c r="E129" s="2" t="s">
        <v>126</v>
      </c>
      <c r="F129" s="2" t="s">
        <v>391</v>
      </c>
      <c r="G129" s="3">
        <v>2</v>
      </c>
      <c r="H129" s="2" t="s">
        <v>26</v>
      </c>
      <c r="I129" s="3">
        <v>2018</v>
      </c>
      <c r="J129" s="2" t="s">
        <v>20</v>
      </c>
      <c r="K129" s="2"/>
      <c r="L129" s="2" t="s">
        <v>392</v>
      </c>
    </row>
    <row r="130" spans="1:12" ht="15.2" customHeight="1">
      <c r="A130" s="2" t="s">
        <v>380</v>
      </c>
      <c r="B130" s="2" t="s">
        <v>247</v>
      </c>
      <c r="C130" s="2" t="s">
        <v>324</v>
      </c>
      <c r="D130" s="2" t="s">
        <v>325</v>
      </c>
      <c r="E130" s="2" t="s">
        <v>126</v>
      </c>
      <c r="F130" s="2" t="s">
        <v>326</v>
      </c>
      <c r="G130" s="3">
        <v>1</v>
      </c>
      <c r="H130" s="2" t="s">
        <v>19</v>
      </c>
      <c r="I130" s="3">
        <v>2018</v>
      </c>
      <c r="J130" s="2" t="s">
        <v>20</v>
      </c>
      <c r="K130" s="2"/>
      <c r="L130" s="2" t="s">
        <v>327</v>
      </c>
    </row>
    <row r="131" spans="1:12" ht="15.2" customHeight="1">
      <c r="A131" s="2" t="s">
        <v>380</v>
      </c>
      <c r="B131" s="2" t="s">
        <v>252</v>
      </c>
      <c r="C131" s="2" t="s">
        <v>393</v>
      </c>
      <c r="D131" s="2" t="s">
        <v>394</v>
      </c>
      <c r="E131" s="2" t="s">
        <v>106</v>
      </c>
      <c r="F131" s="2" t="s">
        <v>395</v>
      </c>
      <c r="G131" s="3">
        <v>13</v>
      </c>
      <c r="H131" s="2" t="s">
        <v>19</v>
      </c>
      <c r="I131" s="3">
        <v>2019</v>
      </c>
      <c r="J131" s="2" t="s">
        <v>20</v>
      </c>
      <c r="K131" s="2"/>
      <c r="L131" s="2" t="s">
        <v>396</v>
      </c>
    </row>
    <row r="132" spans="1:12" ht="15.2" customHeight="1">
      <c r="A132" s="2" t="s">
        <v>380</v>
      </c>
      <c r="B132" s="2" t="s">
        <v>257</v>
      </c>
      <c r="C132" s="2" t="s">
        <v>397</v>
      </c>
      <c r="D132" s="2" t="s">
        <v>398</v>
      </c>
      <c r="E132" s="2" t="s">
        <v>106</v>
      </c>
      <c r="F132" s="2" t="s">
        <v>399</v>
      </c>
      <c r="G132" s="3">
        <v>14</v>
      </c>
      <c r="H132" s="2" t="s">
        <v>26</v>
      </c>
      <c r="I132" s="3">
        <v>2019</v>
      </c>
      <c r="J132" s="2" t="s">
        <v>20</v>
      </c>
      <c r="K132" s="2"/>
      <c r="L132" s="2" t="s">
        <v>400</v>
      </c>
    </row>
    <row r="133" spans="1:12" ht="15.2" customHeight="1">
      <c r="A133" s="2" t="s">
        <v>380</v>
      </c>
      <c r="B133" s="2" t="s">
        <v>262</v>
      </c>
      <c r="C133" s="2" t="s">
        <v>401</v>
      </c>
      <c r="D133" s="2" t="s">
        <v>402</v>
      </c>
      <c r="E133" s="2" t="s">
        <v>403</v>
      </c>
      <c r="F133" s="2" t="s">
        <v>404</v>
      </c>
      <c r="G133" s="3">
        <v>4</v>
      </c>
      <c r="H133" s="2" t="s">
        <v>19</v>
      </c>
      <c r="I133" s="3">
        <v>2020</v>
      </c>
      <c r="J133" s="2" t="s">
        <v>20</v>
      </c>
      <c r="K133" s="2"/>
      <c r="L133" s="2" t="s">
        <v>405</v>
      </c>
    </row>
    <row r="134" spans="1:12" ht="15.2" customHeight="1">
      <c r="A134" s="2" t="s">
        <v>380</v>
      </c>
      <c r="B134" s="2" t="s">
        <v>267</v>
      </c>
      <c r="C134" s="2" t="s">
        <v>406</v>
      </c>
      <c r="D134" s="2" t="s">
        <v>407</v>
      </c>
      <c r="E134" s="2" t="s">
        <v>403</v>
      </c>
      <c r="F134" s="2" t="s">
        <v>408</v>
      </c>
      <c r="G134" s="3">
        <v>5</v>
      </c>
      <c r="H134" s="2" t="s">
        <v>19</v>
      </c>
      <c r="I134" s="3">
        <v>2020</v>
      </c>
      <c r="J134" s="2" t="s">
        <v>20</v>
      </c>
      <c r="K134" s="2"/>
      <c r="L134" s="2" t="s">
        <v>409</v>
      </c>
    </row>
    <row r="135" spans="1:12" ht="15.2" customHeight="1">
      <c r="A135" s="2" t="s">
        <v>380</v>
      </c>
      <c r="B135" s="2" t="s">
        <v>272</v>
      </c>
      <c r="C135" s="2" t="s">
        <v>410</v>
      </c>
      <c r="D135" s="2" t="s">
        <v>411</v>
      </c>
      <c r="E135" s="2" t="s">
        <v>403</v>
      </c>
      <c r="F135" s="2" t="s">
        <v>412</v>
      </c>
      <c r="G135" s="3">
        <v>6</v>
      </c>
      <c r="H135" s="2" t="s">
        <v>19</v>
      </c>
      <c r="I135" s="3">
        <v>2020</v>
      </c>
      <c r="J135" s="2" t="s">
        <v>20</v>
      </c>
      <c r="K135" s="2"/>
      <c r="L135" s="2" t="s">
        <v>413</v>
      </c>
    </row>
    <row r="136" spans="1:12" ht="15.2" customHeight="1">
      <c r="A136" s="2" t="s">
        <v>380</v>
      </c>
      <c r="B136" s="2" t="s">
        <v>92</v>
      </c>
      <c r="C136" s="2" t="s">
        <v>414</v>
      </c>
      <c r="D136" s="2" t="s">
        <v>415</v>
      </c>
      <c r="E136" s="2" t="s">
        <v>279</v>
      </c>
      <c r="F136" s="2" t="s">
        <v>416</v>
      </c>
      <c r="G136" s="3">
        <v>5</v>
      </c>
      <c r="H136" s="2" t="s">
        <v>75</v>
      </c>
      <c r="I136" s="3">
        <v>2020</v>
      </c>
      <c r="J136" s="2" t="s">
        <v>20</v>
      </c>
      <c r="K136" s="2"/>
      <c r="L136" s="2" t="s">
        <v>417</v>
      </c>
    </row>
    <row r="137" spans="1:12" ht="15.2" customHeight="1">
      <c r="A137" s="2" t="s">
        <v>380</v>
      </c>
      <c r="B137" s="2" t="s">
        <v>98</v>
      </c>
      <c r="C137" s="2" t="s">
        <v>353</v>
      </c>
      <c r="D137" s="2" t="s">
        <v>354</v>
      </c>
      <c r="E137" s="2" t="s">
        <v>279</v>
      </c>
      <c r="F137" s="2" t="s">
        <v>355</v>
      </c>
      <c r="G137" s="3">
        <v>4</v>
      </c>
      <c r="H137" s="2" t="s">
        <v>19</v>
      </c>
      <c r="I137" s="3">
        <v>2020</v>
      </c>
      <c r="J137" s="2" t="s">
        <v>20</v>
      </c>
      <c r="K137" s="2"/>
      <c r="L137" s="2" t="s">
        <v>356</v>
      </c>
    </row>
    <row r="138" spans="1:12" ht="15.2" customHeight="1">
      <c r="A138" s="2" t="s">
        <v>380</v>
      </c>
      <c r="B138" s="2" t="s">
        <v>103</v>
      </c>
      <c r="C138" s="2" t="s">
        <v>389</v>
      </c>
      <c r="D138" s="2" t="s">
        <v>390</v>
      </c>
      <c r="E138" s="2" t="s">
        <v>126</v>
      </c>
      <c r="F138" s="2" t="s">
        <v>391</v>
      </c>
      <c r="G138" s="3">
        <v>2</v>
      </c>
      <c r="H138" s="2" t="s">
        <v>26</v>
      </c>
      <c r="I138" s="3">
        <v>2018</v>
      </c>
      <c r="J138" s="2" t="s">
        <v>20</v>
      </c>
      <c r="K138" s="2"/>
      <c r="L138" s="2" t="s">
        <v>392</v>
      </c>
    </row>
    <row r="139" spans="1:12" ht="15.2" customHeight="1">
      <c r="A139" s="2" t="s">
        <v>380</v>
      </c>
      <c r="B139" s="2" t="s">
        <v>109</v>
      </c>
      <c r="C139" s="2" t="s">
        <v>324</v>
      </c>
      <c r="D139" s="2" t="s">
        <v>325</v>
      </c>
      <c r="E139" s="2" t="s">
        <v>126</v>
      </c>
      <c r="F139" s="2" t="s">
        <v>326</v>
      </c>
      <c r="G139" s="3">
        <v>1</v>
      </c>
      <c r="H139" s="2" t="s">
        <v>19</v>
      </c>
      <c r="I139" s="3">
        <v>2018</v>
      </c>
      <c r="J139" s="2" t="s">
        <v>20</v>
      </c>
      <c r="K139" s="2"/>
      <c r="L139" s="2" t="s">
        <v>327</v>
      </c>
    </row>
    <row r="140" spans="1:12" ht="15.2" customHeight="1">
      <c r="A140" s="2" t="s">
        <v>380</v>
      </c>
      <c r="B140" s="2" t="s">
        <v>114</v>
      </c>
      <c r="C140" s="2"/>
      <c r="D140" s="2" t="s">
        <v>418</v>
      </c>
      <c r="E140" s="2" t="s">
        <v>419</v>
      </c>
      <c r="F140" s="2" t="s">
        <v>420</v>
      </c>
      <c r="G140" s="3">
        <v>1</v>
      </c>
      <c r="H140" s="2" t="s">
        <v>89</v>
      </c>
      <c r="I140" s="3">
        <v>2020</v>
      </c>
      <c r="J140" s="2" t="s">
        <v>20</v>
      </c>
      <c r="K140" s="2"/>
      <c r="L140" s="2" t="s">
        <v>421</v>
      </c>
    </row>
    <row r="141" spans="1:12" ht="15.2" customHeight="1">
      <c r="A141" s="2" t="s">
        <v>380</v>
      </c>
      <c r="B141" s="2" t="s">
        <v>119</v>
      </c>
      <c r="C141" s="2"/>
      <c r="D141" s="2" t="s">
        <v>418</v>
      </c>
      <c r="E141" s="2" t="s">
        <v>419</v>
      </c>
      <c r="F141" s="2" t="s">
        <v>422</v>
      </c>
      <c r="G141" s="3">
        <v>2</v>
      </c>
      <c r="H141" s="2" t="s">
        <v>89</v>
      </c>
      <c r="I141" s="3">
        <v>2020</v>
      </c>
      <c r="J141" s="2" t="s">
        <v>20</v>
      </c>
      <c r="K141" s="2"/>
      <c r="L141" s="2" t="s">
        <v>421</v>
      </c>
    </row>
    <row r="142" spans="1:12" ht="15.2" customHeight="1">
      <c r="A142" s="2" t="s">
        <v>380</v>
      </c>
      <c r="B142" s="2" t="s">
        <v>124</v>
      </c>
      <c r="C142" s="2" t="s">
        <v>423</v>
      </c>
      <c r="D142" s="2" t="s">
        <v>424</v>
      </c>
      <c r="E142" s="2" t="s">
        <v>425</v>
      </c>
      <c r="F142" s="2" t="s">
        <v>426</v>
      </c>
      <c r="G142" s="3">
        <v>1</v>
      </c>
      <c r="H142" s="2" t="s">
        <v>19</v>
      </c>
      <c r="I142" s="3">
        <v>2016</v>
      </c>
      <c r="J142" s="2" t="s">
        <v>20</v>
      </c>
      <c r="K142" s="2"/>
      <c r="L142" s="2" t="s">
        <v>427</v>
      </c>
    </row>
    <row r="143" spans="1:12" ht="15.2" customHeight="1">
      <c r="A143" s="2" t="s">
        <v>380</v>
      </c>
      <c r="B143" s="2" t="s">
        <v>129</v>
      </c>
      <c r="C143" s="2" t="s">
        <v>253</v>
      </c>
      <c r="D143" s="2" t="s">
        <v>254</v>
      </c>
      <c r="E143" s="2" t="s">
        <v>87</v>
      </c>
      <c r="F143" s="2" t="s">
        <v>255</v>
      </c>
      <c r="G143" s="3">
        <v>2</v>
      </c>
      <c r="H143" s="2" t="s">
        <v>89</v>
      </c>
      <c r="I143" s="3">
        <v>2019</v>
      </c>
      <c r="J143" s="2" t="s">
        <v>90</v>
      </c>
      <c r="K143" s="2"/>
      <c r="L143" s="2" t="s">
        <v>256</v>
      </c>
    </row>
    <row r="144" spans="1:12" ht="15.2" customHeight="1">
      <c r="A144" s="2" t="s">
        <v>380</v>
      </c>
      <c r="B144" s="2" t="s">
        <v>132</v>
      </c>
      <c r="C144" s="2" t="s">
        <v>428</v>
      </c>
      <c r="D144" s="2" t="s">
        <v>429</v>
      </c>
      <c r="E144" s="2" t="s">
        <v>301</v>
      </c>
      <c r="F144" s="2" t="s">
        <v>430</v>
      </c>
      <c r="G144" s="3">
        <v>7</v>
      </c>
      <c r="H144" s="2" t="s">
        <v>19</v>
      </c>
      <c r="I144" s="3">
        <v>2016</v>
      </c>
      <c r="J144" s="2" t="s">
        <v>20</v>
      </c>
      <c r="K144" s="2"/>
      <c r="L144" s="2" t="s">
        <v>431</v>
      </c>
    </row>
    <row r="145" spans="1:12" ht="15.2" customHeight="1">
      <c r="A145" s="2" t="s">
        <v>380</v>
      </c>
      <c r="B145" s="2" t="s">
        <v>137</v>
      </c>
      <c r="C145" s="2" t="s">
        <v>372</v>
      </c>
      <c r="D145" s="2" t="s">
        <v>373</v>
      </c>
      <c r="E145" s="2" t="s">
        <v>301</v>
      </c>
      <c r="F145" s="2" t="s">
        <v>374</v>
      </c>
      <c r="G145" s="3">
        <v>6</v>
      </c>
      <c r="H145" s="2" t="s">
        <v>19</v>
      </c>
      <c r="I145" s="3">
        <v>2016</v>
      </c>
      <c r="J145" s="2" t="s">
        <v>20</v>
      </c>
      <c r="K145" s="2"/>
      <c r="L145" s="2" t="s">
        <v>375</v>
      </c>
    </row>
    <row r="146" spans="1:12" ht="15.2" customHeight="1">
      <c r="A146" s="2" t="s">
        <v>380</v>
      </c>
      <c r="B146" s="2" t="s">
        <v>143</v>
      </c>
      <c r="C146" s="2" t="s">
        <v>432</v>
      </c>
      <c r="D146" s="2" t="s">
        <v>433</v>
      </c>
      <c r="E146" s="2" t="s">
        <v>301</v>
      </c>
      <c r="F146" s="2" t="s">
        <v>434</v>
      </c>
      <c r="G146" s="3">
        <v>2</v>
      </c>
      <c r="H146" s="2" t="s">
        <v>19</v>
      </c>
      <c r="I146" s="3">
        <v>2016</v>
      </c>
      <c r="J146" s="2" t="s">
        <v>20</v>
      </c>
      <c r="K146" s="2"/>
      <c r="L146" s="2" t="s">
        <v>435</v>
      </c>
    </row>
    <row r="147" spans="1:12" ht="15.2" customHeight="1">
      <c r="A147" s="2" t="s">
        <v>380</v>
      </c>
      <c r="B147" s="2" t="s">
        <v>150</v>
      </c>
      <c r="C147" s="2" t="s">
        <v>258</v>
      </c>
      <c r="D147" s="2" t="s">
        <v>259</v>
      </c>
      <c r="E147" s="2" t="s">
        <v>87</v>
      </c>
      <c r="F147" s="2" t="s">
        <v>260</v>
      </c>
      <c r="G147" s="3">
        <v>3</v>
      </c>
      <c r="H147" s="2" t="s">
        <v>89</v>
      </c>
      <c r="I147" s="3">
        <v>2019</v>
      </c>
      <c r="J147" s="2" t="s">
        <v>90</v>
      </c>
      <c r="K147" s="2"/>
      <c r="L147" s="2" t="s">
        <v>261</v>
      </c>
    </row>
    <row r="148" spans="1:12" ht="15.2" customHeight="1">
      <c r="A148" s="2" t="s">
        <v>380</v>
      </c>
      <c r="B148" s="2" t="s">
        <v>156</v>
      </c>
      <c r="C148" s="2" t="s">
        <v>381</v>
      </c>
      <c r="D148" s="2" t="s">
        <v>382</v>
      </c>
      <c r="E148" s="2" t="s">
        <v>383</v>
      </c>
      <c r="F148" s="2" t="s">
        <v>383</v>
      </c>
      <c r="G148" s="3">
        <v>1</v>
      </c>
      <c r="H148" s="2" t="s">
        <v>75</v>
      </c>
      <c r="I148" s="3">
        <v>2014</v>
      </c>
      <c r="J148" s="2" t="s">
        <v>148</v>
      </c>
      <c r="K148" s="2"/>
      <c r="L148" s="2" t="s">
        <v>384</v>
      </c>
    </row>
    <row r="149" spans="1:12" ht="15.2" customHeight="1">
      <c r="A149" s="2" t="s">
        <v>380</v>
      </c>
      <c r="B149" s="2" t="s">
        <v>161</v>
      </c>
      <c r="C149" s="2" t="s">
        <v>385</v>
      </c>
      <c r="D149" s="2" t="s">
        <v>386</v>
      </c>
      <c r="E149" s="2" t="s">
        <v>164</v>
      </c>
      <c r="F149" s="2" t="s">
        <v>387</v>
      </c>
      <c r="G149" s="3">
        <v>7</v>
      </c>
      <c r="H149" s="2" t="s">
        <v>166</v>
      </c>
      <c r="I149" s="3">
        <v>2018</v>
      </c>
      <c r="J149" s="2" t="s">
        <v>20</v>
      </c>
      <c r="K149" s="2"/>
      <c r="L149" s="2" t="s">
        <v>388</v>
      </c>
    </row>
    <row r="150" spans="1:12" ht="15.2" customHeight="1">
      <c r="A150" s="2" t="s">
        <v>380</v>
      </c>
      <c r="B150" s="2" t="s">
        <v>168</v>
      </c>
      <c r="C150" s="2" t="s">
        <v>414</v>
      </c>
      <c r="D150" s="2" t="s">
        <v>415</v>
      </c>
      <c r="E150" s="2" t="s">
        <v>279</v>
      </c>
      <c r="F150" s="2" t="s">
        <v>416</v>
      </c>
      <c r="G150" s="3">
        <v>5</v>
      </c>
      <c r="H150" s="2" t="s">
        <v>75</v>
      </c>
      <c r="I150" s="3">
        <v>2020</v>
      </c>
      <c r="J150" s="2" t="s">
        <v>20</v>
      </c>
      <c r="K150" s="2"/>
      <c r="L150" s="2" t="s">
        <v>417</v>
      </c>
    </row>
    <row r="151" spans="1:12" ht="15.2" customHeight="1">
      <c r="A151" s="2" t="s">
        <v>380</v>
      </c>
      <c r="B151" s="2" t="s">
        <v>169</v>
      </c>
      <c r="C151" s="2" t="s">
        <v>353</v>
      </c>
      <c r="D151" s="2" t="s">
        <v>354</v>
      </c>
      <c r="E151" s="2" t="s">
        <v>279</v>
      </c>
      <c r="F151" s="2" t="s">
        <v>355</v>
      </c>
      <c r="G151" s="3">
        <v>4</v>
      </c>
      <c r="H151" s="2" t="s">
        <v>19</v>
      </c>
      <c r="I151" s="3">
        <v>2020</v>
      </c>
      <c r="J151" s="2" t="s">
        <v>20</v>
      </c>
      <c r="K151" s="2"/>
      <c r="L151" s="2" t="s">
        <v>356</v>
      </c>
    </row>
    <row r="152" spans="1:12" ht="15.2" customHeight="1">
      <c r="A152" s="2" t="s">
        <v>380</v>
      </c>
      <c r="B152" s="2" t="s">
        <v>170</v>
      </c>
      <c r="C152" s="2"/>
      <c r="D152" s="2" t="s">
        <v>418</v>
      </c>
      <c r="E152" s="2" t="s">
        <v>419</v>
      </c>
      <c r="F152" s="2" t="s">
        <v>420</v>
      </c>
      <c r="G152" s="3">
        <v>1</v>
      </c>
      <c r="H152" s="2" t="s">
        <v>89</v>
      </c>
      <c r="I152" s="3">
        <v>2020</v>
      </c>
      <c r="J152" s="2" t="s">
        <v>20</v>
      </c>
      <c r="K152" s="2"/>
      <c r="L152" s="2" t="s">
        <v>421</v>
      </c>
    </row>
    <row r="153" spans="1:12" ht="15.2" customHeight="1">
      <c r="A153" s="2" t="s">
        <v>436</v>
      </c>
      <c r="B153" s="2" t="s">
        <v>14</v>
      </c>
      <c r="C153" s="2" t="s">
        <v>268</v>
      </c>
      <c r="D153" s="2" t="s">
        <v>269</v>
      </c>
      <c r="E153" s="2" t="s">
        <v>87</v>
      </c>
      <c r="F153" s="2" t="s">
        <v>270</v>
      </c>
      <c r="G153" s="3">
        <v>4</v>
      </c>
      <c r="H153" s="2" t="s">
        <v>89</v>
      </c>
      <c r="I153" s="3">
        <v>2019</v>
      </c>
      <c r="J153" s="2" t="s">
        <v>90</v>
      </c>
      <c r="K153" s="2"/>
      <c r="L153" s="2" t="s">
        <v>271</v>
      </c>
    </row>
    <row r="154" spans="1:12" ht="15.2" customHeight="1">
      <c r="A154" s="2" t="s">
        <v>436</v>
      </c>
      <c r="B154" s="2" t="s">
        <v>221</v>
      </c>
      <c r="C154" s="2" t="s">
        <v>437</v>
      </c>
      <c r="D154" s="2" t="s">
        <v>438</v>
      </c>
      <c r="E154" s="2" t="s">
        <v>439</v>
      </c>
      <c r="F154" s="2" t="s">
        <v>439</v>
      </c>
      <c r="G154" s="3">
        <v>1</v>
      </c>
      <c r="H154" s="2" t="s">
        <v>75</v>
      </c>
      <c r="I154" s="3">
        <v>2014</v>
      </c>
      <c r="J154" s="2" t="s">
        <v>318</v>
      </c>
      <c r="K154" s="2"/>
      <c r="L154" s="2" t="s">
        <v>440</v>
      </c>
    </row>
    <row r="155" spans="1:12" ht="15.2" customHeight="1">
      <c r="A155" s="2" t="s">
        <v>436</v>
      </c>
      <c r="B155" s="2" t="s">
        <v>28</v>
      </c>
      <c r="C155" s="2" t="s">
        <v>441</v>
      </c>
      <c r="D155" s="2" t="s">
        <v>442</v>
      </c>
      <c r="E155" s="2" t="s">
        <v>164</v>
      </c>
      <c r="F155" s="2" t="s">
        <v>443</v>
      </c>
      <c r="G155" s="3">
        <v>8</v>
      </c>
      <c r="H155" s="2" t="s">
        <v>166</v>
      </c>
      <c r="I155" s="3">
        <v>2018</v>
      </c>
      <c r="J155" s="2" t="s">
        <v>20</v>
      </c>
      <c r="K155" s="2"/>
      <c r="L155" s="2" t="s">
        <v>444</v>
      </c>
    </row>
    <row r="156" spans="1:12" ht="15.2" customHeight="1">
      <c r="A156" s="2" t="s">
        <v>436</v>
      </c>
      <c r="B156" s="2" t="s">
        <v>230</v>
      </c>
      <c r="C156" s="2" t="s">
        <v>93</v>
      </c>
      <c r="D156" s="2" t="s">
        <v>94</v>
      </c>
      <c r="E156" s="2" t="s">
        <v>95</v>
      </c>
      <c r="F156" s="2" t="s">
        <v>96</v>
      </c>
      <c r="G156" s="3">
        <v>8</v>
      </c>
      <c r="H156" s="2" t="s">
        <v>26</v>
      </c>
      <c r="I156" s="3">
        <v>2019</v>
      </c>
      <c r="J156" s="2" t="s">
        <v>20</v>
      </c>
      <c r="K156" s="2"/>
      <c r="L156" s="2" t="s">
        <v>97</v>
      </c>
    </row>
    <row r="157" spans="1:12" ht="15.2" customHeight="1">
      <c r="A157" s="2" t="s">
        <v>436</v>
      </c>
      <c r="B157" s="2" t="s">
        <v>233</v>
      </c>
      <c r="C157" s="2" t="s">
        <v>99</v>
      </c>
      <c r="D157" s="2" t="s">
        <v>100</v>
      </c>
      <c r="E157" s="2" t="s">
        <v>95</v>
      </c>
      <c r="F157" s="2" t="s">
        <v>101</v>
      </c>
      <c r="G157" s="3">
        <v>9</v>
      </c>
      <c r="H157" s="2" t="s">
        <v>26</v>
      </c>
      <c r="I157" s="3">
        <v>2019</v>
      </c>
      <c r="J157" s="2" t="s">
        <v>20</v>
      </c>
      <c r="K157" s="2"/>
      <c r="L157" s="2" t="s">
        <v>102</v>
      </c>
    </row>
    <row r="158" spans="1:12" ht="15.2" customHeight="1">
      <c r="A158" s="2" t="s">
        <v>436</v>
      </c>
      <c r="B158" s="2" t="s">
        <v>237</v>
      </c>
      <c r="C158" s="2" t="s">
        <v>104</v>
      </c>
      <c r="D158" s="2" t="s">
        <v>105</v>
      </c>
      <c r="E158" s="2" t="s">
        <v>106</v>
      </c>
      <c r="F158" s="2" t="s">
        <v>107</v>
      </c>
      <c r="G158" s="3">
        <v>3</v>
      </c>
      <c r="H158" s="2" t="s">
        <v>26</v>
      </c>
      <c r="I158" s="3">
        <v>2017</v>
      </c>
      <c r="J158" s="2" t="s">
        <v>20</v>
      </c>
      <c r="K158" s="2"/>
      <c r="L158" s="2" t="s">
        <v>108</v>
      </c>
    </row>
    <row r="159" spans="1:12" ht="15.2" customHeight="1">
      <c r="A159" s="2" t="s">
        <v>436</v>
      </c>
      <c r="B159" s="2" t="s">
        <v>242</v>
      </c>
      <c r="C159" s="2" t="s">
        <v>238</v>
      </c>
      <c r="D159" s="2" t="s">
        <v>239</v>
      </c>
      <c r="E159" s="2" t="s">
        <v>126</v>
      </c>
      <c r="F159" s="2" t="s">
        <v>240</v>
      </c>
      <c r="G159" s="3">
        <v>3</v>
      </c>
      <c r="H159" s="2" t="s">
        <v>26</v>
      </c>
      <c r="I159" s="3">
        <v>2018</v>
      </c>
      <c r="J159" s="2" t="s">
        <v>20</v>
      </c>
      <c r="K159" s="2"/>
      <c r="L159" s="2" t="s">
        <v>241</v>
      </c>
    </row>
    <row r="160" spans="1:12" ht="15.2" customHeight="1">
      <c r="A160" s="2" t="s">
        <v>436</v>
      </c>
      <c r="B160" s="2" t="s">
        <v>247</v>
      </c>
      <c r="C160" s="2" t="s">
        <v>389</v>
      </c>
      <c r="D160" s="2" t="s">
        <v>390</v>
      </c>
      <c r="E160" s="2" t="s">
        <v>126</v>
      </c>
      <c r="F160" s="2" t="s">
        <v>391</v>
      </c>
      <c r="G160" s="3">
        <v>2</v>
      </c>
      <c r="H160" s="2" t="s">
        <v>26</v>
      </c>
      <c r="I160" s="3">
        <v>2018</v>
      </c>
      <c r="J160" s="2" t="s">
        <v>20</v>
      </c>
      <c r="K160" s="2"/>
      <c r="L160" s="2" t="s">
        <v>392</v>
      </c>
    </row>
    <row r="161" spans="1:12" ht="15.2" customHeight="1">
      <c r="A161" s="2" t="s">
        <v>436</v>
      </c>
      <c r="B161" s="2" t="s">
        <v>252</v>
      </c>
      <c r="C161" s="2" t="s">
        <v>445</v>
      </c>
      <c r="D161" s="2" t="s">
        <v>446</v>
      </c>
      <c r="E161" s="2" t="s">
        <v>447</v>
      </c>
      <c r="F161" s="2" t="s">
        <v>448</v>
      </c>
      <c r="G161" s="3">
        <v>1</v>
      </c>
      <c r="H161" s="2" t="s">
        <v>75</v>
      </c>
      <c r="I161" s="3">
        <v>2011</v>
      </c>
      <c r="J161" s="2" t="s">
        <v>148</v>
      </c>
      <c r="K161" s="2"/>
      <c r="L161" s="2" t="s">
        <v>449</v>
      </c>
    </row>
    <row r="162" spans="1:12" ht="15.2" customHeight="1">
      <c r="A162" s="2" t="s">
        <v>436</v>
      </c>
      <c r="B162" s="2" t="s">
        <v>257</v>
      </c>
      <c r="C162" s="2" t="s">
        <v>450</v>
      </c>
      <c r="D162" s="2" t="s">
        <v>451</v>
      </c>
      <c r="E162" s="2" t="s">
        <v>447</v>
      </c>
      <c r="F162" s="2" t="s">
        <v>452</v>
      </c>
      <c r="G162" s="3">
        <v>2</v>
      </c>
      <c r="H162" s="2" t="s">
        <v>75</v>
      </c>
      <c r="I162" s="3">
        <v>2011</v>
      </c>
      <c r="J162" s="2" t="s">
        <v>148</v>
      </c>
      <c r="K162" s="2"/>
      <c r="L162" s="2" t="s">
        <v>453</v>
      </c>
    </row>
    <row r="163" spans="1:12" ht="15.2" customHeight="1">
      <c r="A163" s="2" t="s">
        <v>436</v>
      </c>
      <c r="B163" s="2" t="s">
        <v>262</v>
      </c>
      <c r="C163" s="2" t="s">
        <v>454</v>
      </c>
      <c r="D163" s="2" t="s">
        <v>455</v>
      </c>
      <c r="E163" s="2" t="s">
        <v>447</v>
      </c>
      <c r="F163" s="2" t="s">
        <v>456</v>
      </c>
      <c r="G163" s="3">
        <v>3</v>
      </c>
      <c r="H163" s="2" t="s">
        <v>75</v>
      </c>
      <c r="I163" s="3">
        <v>2011</v>
      </c>
      <c r="J163" s="2" t="s">
        <v>148</v>
      </c>
      <c r="K163" s="2"/>
      <c r="L163" s="2" t="s">
        <v>457</v>
      </c>
    </row>
    <row r="164" spans="1:12" ht="15.2" customHeight="1">
      <c r="A164" s="2" t="s">
        <v>436</v>
      </c>
      <c r="B164" s="2" t="s">
        <v>267</v>
      </c>
      <c r="C164" s="2" t="s">
        <v>458</v>
      </c>
      <c r="D164" s="2" t="s">
        <v>459</v>
      </c>
      <c r="E164" s="2" t="s">
        <v>460</v>
      </c>
      <c r="F164" s="2" t="s">
        <v>461</v>
      </c>
      <c r="G164" s="3">
        <v>1</v>
      </c>
      <c r="H164" s="2" t="s">
        <v>19</v>
      </c>
      <c r="I164" s="3">
        <v>2017</v>
      </c>
      <c r="J164" s="2" t="s">
        <v>20</v>
      </c>
      <c r="K164" s="2"/>
      <c r="L164" s="2" t="s">
        <v>462</v>
      </c>
    </row>
    <row r="165" spans="1:12" ht="15.2" customHeight="1">
      <c r="A165" s="2" t="s">
        <v>436</v>
      </c>
      <c r="B165" s="2" t="s">
        <v>272</v>
      </c>
      <c r="C165" s="2" t="s">
        <v>463</v>
      </c>
      <c r="D165" s="2" t="s">
        <v>464</v>
      </c>
      <c r="E165" s="2" t="s">
        <v>460</v>
      </c>
      <c r="F165" s="2" t="s">
        <v>465</v>
      </c>
      <c r="G165" s="3">
        <v>2</v>
      </c>
      <c r="H165" s="2" t="s">
        <v>19</v>
      </c>
      <c r="I165" s="3">
        <v>2017</v>
      </c>
      <c r="J165" s="2" t="s">
        <v>20</v>
      </c>
      <c r="K165" s="2"/>
      <c r="L165" s="2" t="s">
        <v>466</v>
      </c>
    </row>
    <row r="166" spans="1:12" ht="15.2" customHeight="1">
      <c r="A166" s="2" t="s">
        <v>436</v>
      </c>
      <c r="B166" s="2" t="s">
        <v>92</v>
      </c>
      <c r="C166" s="2" t="s">
        <v>467</v>
      </c>
      <c r="D166" s="2" t="s">
        <v>468</v>
      </c>
      <c r="E166" s="2" t="s">
        <v>279</v>
      </c>
      <c r="F166" s="2" t="s">
        <v>469</v>
      </c>
      <c r="G166" s="3">
        <v>6</v>
      </c>
      <c r="H166" s="2" t="s">
        <v>26</v>
      </c>
      <c r="I166" s="3">
        <v>2020</v>
      </c>
      <c r="J166" s="2" t="s">
        <v>20</v>
      </c>
      <c r="K166" s="2"/>
      <c r="L166" s="2" t="s">
        <v>470</v>
      </c>
    </row>
    <row r="167" spans="1:12" ht="15.2" customHeight="1">
      <c r="A167" s="2" t="s">
        <v>436</v>
      </c>
      <c r="B167" s="2" t="s">
        <v>98</v>
      </c>
      <c r="C167" s="2" t="s">
        <v>414</v>
      </c>
      <c r="D167" s="2" t="s">
        <v>415</v>
      </c>
      <c r="E167" s="2" t="s">
        <v>279</v>
      </c>
      <c r="F167" s="2" t="s">
        <v>416</v>
      </c>
      <c r="G167" s="3">
        <v>5</v>
      </c>
      <c r="H167" s="2" t="s">
        <v>75</v>
      </c>
      <c r="I167" s="3">
        <v>2020</v>
      </c>
      <c r="J167" s="2" t="s">
        <v>20</v>
      </c>
      <c r="K167" s="2"/>
      <c r="L167" s="2" t="s">
        <v>417</v>
      </c>
    </row>
    <row r="168" spans="1:12" ht="15.2" customHeight="1">
      <c r="A168" s="2" t="s">
        <v>436</v>
      </c>
      <c r="B168" s="2" t="s">
        <v>103</v>
      </c>
      <c r="C168" s="2" t="s">
        <v>238</v>
      </c>
      <c r="D168" s="2" t="s">
        <v>239</v>
      </c>
      <c r="E168" s="2" t="s">
        <v>126</v>
      </c>
      <c r="F168" s="2" t="s">
        <v>240</v>
      </c>
      <c r="G168" s="3">
        <v>3</v>
      </c>
      <c r="H168" s="2" t="s">
        <v>26</v>
      </c>
      <c r="I168" s="3">
        <v>2018</v>
      </c>
      <c r="J168" s="2" t="s">
        <v>20</v>
      </c>
      <c r="K168" s="2"/>
      <c r="L168" s="2" t="s">
        <v>241</v>
      </c>
    </row>
    <row r="169" spans="1:12" ht="15.2" customHeight="1">
      <c r="A169" s="2" t="s">
        <v>436</v>
      </c>
      <c r="B169" s="2" t="s">
        <v>109</v>
      </c>
      <c r="C169" s="2" t="s">
        <v>389</v>
      </c>
      <c r="D169" s="2" t="s">
        <v>390</v>
      </c>
      <c r="E169" s="2" t="s">
        <v>126</v>
      </c>
      <c r="F169" s="2" t="s">
        <v>391</v>
      </c>
      <c r="G169" s="3">
        <v>2</v>
      </c>
      <c r="H169" s="2" t="s">
        <v>26</v>
      </c>
      <c r="I169" s="3">
        <v>2018</v>
      </c>
      <c r="J169" s="2" t="s">
        <v>20</v>
      </c>
      <c r="K169" s="2"/>
      <c r="L169" s="2" t="s">
        <v>392</v>
      </c>
    </row>
    <row r="170" spans="1:12" ht="15.2" customHeight="1">
      <c r="A170" s="2" t="s">
        <v>436</v>
      </c>
      <c r="B170" s="2" t="s">
        <v>114</v>
      </c>
      <c r="C170" s="2" t="s">
        <v>471</v>
      </c>
      <c r="D170" s="2" t="s">
        <v>472</v>
      </c>
      <c r="E170" s="2" t="s">
        <v>106</v>
      </c>
      <c r="F170" s="2" t="s">
        <v>473</v>
      </c>
      <c r="G170" s="3">
        <v>5</v>
      </c>
      <c r="H170" s="2" t="s">
        <v>26</v>
      </c>
      <c r="I170" s="3">
        <v>2017</v>
      </c>
      <c r="J170" s="2" t="s">
        <v>20</v>
      </c>
      <c r="K170" s="2"/>
      <c r="L170" s="2" t="s">
        <v>474</v>
      </c>
    </row>
    <row r="171" spans="1:12" ht="15.2" customHeight="1">
      <c r="A171" s="2" t="s">
        <v>436</v>
      </c>
      <c r="B171" s="2" t="s">
        <v>119</v>
      </c>
      <c r="C171" s="2" t="s">
        <v>475</v>
      </c>
      <c r="D171" s="2" t="s">
        <v>476</v>
      </c>
      <c r="E171" s="2" t="s">
        <v>106</v>
      </c>
      <c r="F171" s="2" t="s">
        <v>477</v>
      </c>
      <c r="G171" s="3">
        <v>6</v>
      </c>
      <c r="H171" s="2" t="s">
        <v>26</v>
      </c>
      <c r="I171" s="3">
        <v>2017</v>
      </c>
      <c r="J171" s="2" t="s">
        <v>20</v>
      </c>
      <c r="K171" s="2"/>
      <c r="L171" s="2" t="s">
        <v>478</v>
      </c>
    </row>
    <row r="172" spans="1:12" ht="15.2" customHeight="1">
      <c r="A172" s="2" t="s">
        <v>436</v>
      </c>
      <c r="B172" s="2" t="s">
        <v>124</v>
      </c>
      <c r="C172" s="2" t="s">
        <v>479</v>
      </c>
      <c r="D172" s="2" t="s">
        <v>480</v>
      </c>
      <c r="E172" s="2" t="s">
        <v>106</v>
      </c>
      <c r="F172" s="2" t="s">
        <v>481</v>
      </c>
      <c r="G172" s="3">
        <v>7</v>
      </c>
      <c r="H172" s="2" t="s">
        <v>26</v>
      </c>
      <c r="I172" s="3">
        <v>2017</v>
      </c>
      <c r="J172" s="2" t="s">
        <v>20</v>
      </c>
      <c r="K172" s="2"/>
      <c r="L172" s="2" t="s">
        <v>482</v>
      </c>
    </row>
    <row r="173" spans="1:12" ht="15.2" customHeight="1">
      <c r="A173" s="2" t="s">
        <v>436</v>
      </c>
      <c r="B173" s="2" t="s">
        <v>129</v>
      </c>
      <c r="C173" s="2" t="s">
        <v>483</v>
      </c>
      <c r="D173" s="2" t="s">
        <v>484</v>
      </c>
      <c r="E173" s="2" t="s">
        <v>106</v>
      </c>
      <c r="F173" s="2" t="s">
        <v>485</v>
      </c>
      <c r="G173" s="3">
        <v>8</v>
      </c>
      <c r="H173" s="2" t="s">
        <v>26</v>
      </c>
      <c r="I173" s="3">
        <v>2017</v>
      </c>
      <c r="J173" s="2" t="s">
        <v>20</v>
      </c>
      <c r="K173" s="2"/>
      <c r="L173" s="2" t="s">
        <v>486</v>
      </c>
    </row>
    <row r="174" spans="1:12" ht="15.2" customHeight="1">
      <c r="A174" s="2" t="s">
        <v>436</v>
      </c>
      <c r="B174" s="2" t="s">
        <v>132</v>
      </c>
      <c r="C174" s="2" t="s">
        <v>487</v>
      </c>
      <c r="D174" s="2" t="s">
        <v>488</v>
      </c>
      <c r="E174" s="2" t="s">
        <v>489</v>
      </c>
      <c r="F174" s="2" t="s">
        <v>490</v>
      </c>
      <c r="G174" s="3">
        <v>1</v>
      </c>
      <c r="H174" s="2" t="s">
        <v>75</v>
      </c>
      <c r="I174" s="3">
        <v>2018</v>
      </c>
      <c r="J174" s="2" t="s">
        <v>20</v>
      </c>
      <c r="K174" s="2"/>
      <c r="L174" s="2" t="s">
        <v>491</v>
      </c>
    </row>
    <row r="175" spans="1:12" ht="15.2" customHeight="1">
      <c r="A175" s="2" t="s">
        <v>436</v>
      </c>
      <c r="B175" s="2" t="s">
        <v>137</v>
      </c>
      <c r="C175" s="2" t="s">
        <v>428</v>
      </c>
      <c r="D175" s="2" t="s">
        <v>429</v>
      </c>
      <c r="E175" s="2" t="s">
        <v>301</v>
      </c>
      <c r="F175" s="2" t="s">
        <v>430</v>
      </c>
      <c r="G175" s="3">
        <v>7</v>
      </c>
      <c r="H175" s="2" t="s">
        <v>19</v>
      </c>
      <c r="I175" s="3">
        <v>2016</v>
      </c>
      <c r="J175" s="2" t="s">
        <v>20</v>
      </c>
      <c r="K175" s="2"/>
      <c r="L175" s="2" t="s">
        <v>431</v>
      </c>
    </row>
    <row r="176" spans="1:12" ht="15.2" customHeight="1">
      <c r="A176" s="2" t="s">
        <v>436</v>
      </c>
      <c r="B176" s="2" t="s">
        <v>143</v>
      </c>
      <c r="C176" s="2" t="s">
        <v>492</v>
      </c>
      <c r="D176" s="2" t="s">
        <v>493</v>
      </c>
      <c r="E176" s="2" t="s">
        <v>301</v>
      </c>
      <c r="F176" s="2" t="s">
        <v>494</v>
      </c>
      <c r="G176" s="3">
        <v>3</v>
      </c>
      <c r="H176" s="2" t="s">
        <v>19</v>
      </c>
      <c r="I176" s="3">
        <v>2016</v>
      </c>
      <c r="J176" s="2" t="s">
        <v>20</v>
      </c>
      <c r="K176" s="2"/>
      <c r="L176" s="2" t="s">
        <v>495</v>
      </c>
    </row>
    <row r="177" spans="1:12" ht="15.2" customHeight="1">
      <c r="A177" s="2" t="s">
        <v>436</v>
      </c>
      <c r="B177" s="2" t="s">
        <v>150</v>
      </c>
      <c r="C177" s="2" t="s">
        <v>268</v>
      </c>
      <c r="D177" s="2" t="s">
        <v>269</v>
      </c>
      <c r="E177" s="2" t="s">
        <v>87</v>
      </c>
      <c r="F177" s="2" t="s">
        <v>270</v>
      </c>
      <c r="G177" s="3">
        <v>4</v>
      </c>
      <c r="H177" s="2" t="s">
        <v>89</v>
      </c>
      <c r="I177" s="3">
        <v>2019</v>
      </c>
      <c r="J177" s="2" t="s">
        <v>90</v>
      </c>
      <c r="K177" s="2"/>
      <c r="L177" s="2" t="s">
        <v>271</v>
      </c>
    </row>
    <row r="178" spans="1:12" ht="15.2" customHeight="1">
      <c r="A178" s="2" t="s">
        <v>436</v>
      </c>
      <c r="B178" s="2" t="s">
        <v>156</v>
      </c>
      <c r="C178" s="2" t="s">
        <v>437</v>
      </c>
      <c r="D178" s="2" t="s">
        <v>438</v>
      </c>
      <c r="E178" s="2" t="s">
        <v>439</v>
      </c>
      <c r="F178" s="2" t="s">
        <v>439</v>
      </c>
      <c r="G178" s="3">
        <v>1</v>
      </c>
      <c r="H178" s="2" t="s">
        <v>75</v>
      </c>
      <c r="I178" s="3">
        <v>2014</v>
      </c>
      <c r="J178" s="2" t="s">
        <v>318</v>
      </c>
      <c r="K178" s="2"/>
      <c r="L178" s="2" t="s">
        <v>440</v>
      </c>
    </row>
    <row r="179" spans="1:12" ht="15.2" customHeight="1">
      <c r="A179" s="2" t="s">
        <v>436</v>
      </c>
      <c r="B179" s="2" t="s">
        <v>161</v>
      </c>
      <c r="C179" s="2" t="s">
        <v>441</v>
      </c>
      <c r="D179" s="2" t="s">
        <v>442</v>
      </c>
      <c r="E179" s="2" t="s">
        <v>164</v>
      </c>
      <c r="F179" s="2" t="s">
        <v>443</v>
      </c>
      <c r="G179" s="3">
        <v>8</v>
      </c>
      <c r="H179" s="2" t="s">
        <v>166</v>
      </c>
      <c r="I179" s="3">
        <v>2018</v>
      </c>
      <c r="J179" s="2" t="s">
        <v>20</v>
      </c>
      <c r="K179" s="2"/>
      <c r="L179" s="2" t="s">
        <v>444</v>
      </c>
    </row>
    <row r="180" spans="1:12" ht="15.2" customHeight="1">
      <c r="A180" s="2" t="s">
        <v>436</v>
      </c>
      <c r="B180" s="2" t="s">
        <v>168</v>
      </c>
      <c r="C180" s="2" t="s">
        <v>467</v>
      </c>
      <c r="D180" s="2" t="s">
        <v>468</v>
      </c>
      <c r="E180" s="2" t="s">
        <v>279</v>
      </c>
      <c r="F180" s="2" t="s">
        <v>469</v>
      </c>
      <c r="G180" s="3">
        <v>6</v>
      </c>
      <c r="H180" s="2" t="s">
        <v>26</v>
      </c>
      <c r="I180" s="3">
        <v>2020</v>
      </c>
      <c r="J180" s="2" t="s">
        <v>20</v>
      </c>
      <c r="K180" s="2"/>
      <c r="L180" s="2" t="s">
        <v>470</v>
      </c>
    </row>
    <row r="181" spans="1:12" ht="15.2" customHeight="1">
      <c r="A181" s="2" t="s">
        <v>436</v>
      </c>
      <c r="B181" s="2" t="s">
        <v>169</v>
      </c>
      <c r="C181" s="2" t="s">
        <v>414</v>
      </c>
      <c r="D181" s="2" t="s">
        <v>415</v>
      </c>
      <c r="E181" s="2" t="s">
        <v>279</v>
      </c>
      <c r="F181" s="2" t="s">
        <v>416</v>
      </c>
      <c r="G181" s="3">
        <v>5</v>
      </c>
      <c r="H181" s="2" t="s">
        <v>75</v>
      </c>
      <c r="I181" s="3">
        <v>2020</v>
      </c>
      <c r="J181" s="2" t="s">
        <v>20</v>
      </c>
      <c r="K181" s="2"/>
      <c r="L181" s="2" t="s">
        <v>417</v>
      </c>
    </row>
    <row r="182" spans="1:12" ht="15.2" customHeight="1">
      <c r="A182" s="2" t="s">
        <v>436</v>
      </c>
      <c r="B182" s="2" t="s">
        <v>170</v>
      </c>
      <c r="C182" s="2" t="s">
        <v>471</v>
      </c>
      <c r="D182" s="2" t="s">
        <v>472</v>
      </c>
      <c r="E182" s="2" t="s">
        <v>106</v>
      </c>
      <c r="F182" s="2" t="s">
        <v>473</v>
      </c>
      <c r="G182" s="3">
        <v>5</v>
      </c>
      <c r="H182" s="2" t="s">
        <v>26</v>
      </c>
      <c r="I182" s="3">
        <v>2017</v>
      </c>
      <c r="J182" s="2" t="s">
        <v>20</v>
      </c>
      <c r="K182" s="2"/>
      <c r="L182" s="2" t="s">
        <v>474</v>
      </c>
    </row>
    <row r="183" spans="1:12" ht="15.2" customHeight="1">
      <c r="A183" s="2" t="s">
        <v>496</v>
      </c>
      <c r="B183" s="2" t="s">
        <v>14</v>
      </c>
      <c r="C183" s="2" t="s">
        <v>273</v>
      </c>
      <c r="D183" s="2" t="s">
        <v>274</v>
      </c>
      <c r="E183" s="2" t="s">
        <v>87</v>
      </c>
      <c r="F183" s="2" t="s">
        <v>275</v>
      </c>
      <c r="G183" s="3">
        <v>5</v>
      </c>
      <c r="H183" s="2" t="s">
        <v>89</v>
      </c>
      <c r="I183" s="3">
        <v>2019</v>
      </c>
      <c r="J183" s="2" t="s">
        <v>90</v>
      </c>
      <c r="K183" s="2"/>
      <c r="L183" s="2" t="s">
        <v>276</v>
      </c>
    </row>
    <row r="184" spans="1:12" ht="15.2" customHeight="1">
      <c r="A184" s="2" t="s">
        <v>496</v>
      </c>
      <c r="B184" s="2" t="s">
        <v>221</v>
      </c>
      <c r="C184" s="2" t="s">
        <v>497</v>
      </c>
      <c r="D184" s="2" t="s">
        <v>498</v>
      </c>
      <c r="E184" s="2" t="s">
        <v>499</v>
      </c>
      <c r="F184" s="2" t="s">
        <v>500</v>
      </c>
      <c r="G184" s="3">
        <v>1</v>
      </c>
      <c r="H184" s="2" t="s">
        <v>75</v>
      </c>
      <c r="I184" s="3">
        <v>2018</v>
      </c>
      <c r="J184" s="2" t="s">
        <v>20</v>
      </c>
      <c r="K184" s="2"/>
      <c r="L184" s="2" t="s">
        <v>501</v>
      </c>
    </row>
    <row r="185" spans="1:12" ht="15.2" customHeight="1">
      <c r="A185" s="2" t="s">
        <v>496</v>
      </c>
      <c r="B185" s="2" t="s">
        <v>28</v>
      </c>
      <c r="C185" s="2" t="s">
        <v>502</v>
      </c>
      <c r="D185" s="2" t="s">
        <v>503</v>
      </c>
      <c r="E185" s="2" t="s">
        <v>164</v>
      </c>
      <c r="F185" s="2" t="s">
        <v>504</v>
      </c>
      <c r="G185" s="3">
        <v>9</v>
      </c>
      <c r="H185" s="2" t="s">
        <v>166</v>
      </c>
      <c r="I185" s="3">
        <v>2018</v>
      </c>
      <c r="J185" s="2" t="s">
        <v>20</v>
      </c>
      <c r="K185" s="2"/>
      <c r="L185" s="2" t="s">
        <v>505</v>
      </c>
    </row>
    <row r="186" spans="1:12" ht="15.2" customHeight="1">
      <c r="A186" s="2" t="s">
        <v>496</v>
      </c>
      <c r="B186" s="2" t="s">
        <v>230</v>
      </c>
      <c r="C186" s="2" t="s">
        <v>49</v>
      </c>
      <c r="D186" s="2" t="s">
        <v>50</v>
      </c>
      <c r="E186" s="2" t="s">
        <v>51</v>
      </c>
      <c r="F186" s="2" t="s">
        <v>52</v>
      </c>
      <c r="G186" s="3">
        <v>4</v>
      </c>
      <c r="H186" s="2" t="s">
        <v>19</v>
      </c>
      <c r="I186" s="3">
        <v>2019</v>
      </c>
      <c r="J186" s="2" t="s">
        <v>20</v>
      </c>
      <c r="K186" s="2"/>
      <c r="L186" s="2" t="s">
        <v>53</v>
      </c>
    </row>
    <row r="187" spans="1:12" ht="15.2" customHeight="1">
      <c r="A187" s="2" t="s">
        <v>496</v>
      </c>
      <c r="B187" s="2" t="s">
        <v>233</v>
      </c>
      <c r="C187" s="2" t="s">
        <v>55</v>
      </c>
      <c r="D187" s="2" t="s">
        <v>56</v>
      </c>
      <c r="E187" s="2" t="s">
        <v>51</v>
      </c>
      <c r="F187" s="2" t="s">
        <v>57</v>
      </c>
      <c r="G187" s="3">
        <v>5</v>
      </c>
      <c r="H187" s="2" t="s">
        <v>19</v>
      </c>
      <c r="I187" s="3">
        <v>2019</v>
      </c>
      <c r="J187" s="2" t="s">
        <v>20</v>
      </c>
      <c r="K187" s="2"/>
      <c r="L187" s="2" t="s">
        <v>58</v>
      </c>
    </row>
    <row r="188" spans="1:12" ht="15.2" customHeight="1">
      <c r="A188" s="2" t="s">
        <v>496</v>
      </c>
      <c r="B188" s="2" t="s">
        <v>237</v>
      </c>
      <c r="C188" s="2" t="s">
        <v>60</v>
      </c>
      <c r="D188" s="2" t="s">
        <v>61</v>
      </c>
      <c r="E188" s="2" t="s">
        <v>51</v>
      </c>
      <c r="F188" s="2" t="s">
        <v>62</v>
      </c>
      <c r="G188" s="3">
        <v>6</v>
      </c>
      <c r="H188" s="2" t="s">
        <v>19</v>
      </c>
      <c r="I188" s="3">
        <v>2019</v>
      </c>
      <c r="J188" s="2" t="s">
        <v>20</v>
      </c>
      <c r="K188" s="2"/>
      <c r="L188" s="2" t="s">
        <v>63</v>
      </c>
    </row>
    <row r="189" spans="1:12" ht="15.2" customHeight="1">
      <c r="A189" s="2" t="s">
        <v>496</v>
      </c>
      <c r="B189" s="2" t="s">
        <v>242</v>
      </c>
      <c r="C189" s="2" t="s">
        <v>506</v>
      </c>
      <c r="D189" s="2" t="s">
        <v>507</v>
      </c>
      <c r="E189" s="2" t="s">
        <v>126</v>
      </c>
      <c r="F189" s="2" t="s">
        <v>508</v>
      </c>
      <c r="G189" s="3">
        <v>4</v>
      </c>
      <c r="H189" s="2" t="s">
        <v>26</v>
      </c>
      <c r="I189" s="3">
        <v>2018</v>
      </c>
      <c r="J189" s="2" t="s">
        <v>20</v>
      </c>
      <c r="K189" s="2"/>
      <c r="L189" s="2" t="s">
        <v>509</v>
      </c>
    </row>
    <row r="190" spans="1:12" ht="15.2" customHeight="1">
      <c r="A190" s="2" t="s">
        <v>496</v>
      </c>
      <c r="B190" s="2" t="s">
        <v>247</v>
      </c>
      <c r="C190" s="2" t="s">
        <v>238</v>
      </c>
      <c r="D190" s="2" t="s">
        <v>239</v>
      </c>
      <c r="E190" s="2" t="s">
        <v>126</v>
      </c>
      <c r="F190" s="2" t="s">
        <v>240</v>
      </c>
      <c r="G190" s="3">
        <v>3</v>
      </c>
      <c r="H190" s="2" t="s">
        <v>26</v>
      </c>
      <c r="I190" s="3">
        <v>2018</v>
      </c>
      <c r="J190" s="2" t="s">
        <v>20</v>
      </c>
      <c r="K190" s="2"/>
      <c r="L190" s="2" t="s">
        <v>241</v>
      </c>
    </row>
    <row r="191" spans="1:12" ht="15.2" customHeight="1">
      <c r="A191" s="2" t="s">
        <v>496</v>
      </c>
      <c r="B191" s="2" t="s">
        <v>252</v>
      </c>
      <c r="C191" s="2" t="s">
        <v>510</v>
      </c>
      <c r="D191" s="2" t="s">
        <v>511</v>
      </c>
      <c r="E191" s="2" t="s">
        <v>512</v>
      </c>
      <c r="F191" s="2" t="s">
        <v>513</v>
      </c>
      <c r="G191" s="3">
        <v>1</v>
      </c>
      <c r="H191" s="2" t="s">
        <v>89</v>
      </c>
      <c r="I191" s="3">
        <v>2009</v>
      </c>
      <c r="J191" s="2" t="s">
        <v>20</v>
      </c>
      <c r="K191" s="2"/>
      <c r="L191" s="2" t="s">
        <v>514</v>
      </c>
    </row>
    <row r="192" spans="1:12" ht="15.2" customHeight="1">
      <c r="A192" s="2" t="s">
        <v>496</v>
      </c>
      <c r="B192" s="2" t="s">
        <v>257</v>
      </c>
      <c r="C192" s="2" t="s">
        <v>515</v>
      </c>
      <c r="D192" s="2" t="s">
        <v>516</v>
      </c>
      <c r="E192" s="2" t="s">
        <v>512</v>
      </c>
      <c r="F192" s="2" t="s">
        <v>517</v>
      </c>
      <c r="G192" s="3">
        <v>2</v>
      </c>
      <c r="H192" s="2" t="s">
        <v>89</v>
      </c>
      <c r="I192" s="3">
        <v>2009</v>
      </c>
      <c r="J192" s="2" t="s">
        <v>20</v>
      </c>
      <c r="K192" s="2"/>
      <c r="L192" s="2" t="s">
        <v>518</v>
      </c>
    </row>
    <row r="193" spans="1:12" ht="15.2" customHeight="1">
      <c r="A193" s="2" t="s">
        <v>496</v>
      </c>
      <c r="B193" s="2" t="s">
        <v>262</v>
      </c>
      <c r="C193" s="2" t="s">
        <v>519</v>
      </c>
      <c r="D193" s="2" t="s">
        <v>520</v>
      </c>
      <c r="E193" s="2" t="s">
        <v>512</v>
      </c>
      <c r="F193" s="2" t="s">
        <v>521</v>
      </c>
      <c r="G193" s="3">
        <v>3</v>
      </c>
      <c r="H193" s="2" t="s">
        <v>89</v>
      </c>
      <c r="I193" s="3">
        <v>2009</v>
      </c>
      <c r="J193" s="2" t="s">
        <v>20</v>
      </c>
      <c r="K193" s="2"/>
      <c r="L193" s="2" t="s">
        <v>522</v>
      </c>
    </row>
    <row r="194" spans="1:12" ht="15.2" customHeight="1">
      <c r="A194" s="2" t="s">
        <v>496</v>
      </c>
      <c r="B194" s="2" t="s">
        <v>267</v>
      </c>
      <c r="C194" s="2" t="s">
        <v>523</v>
      </c>
      <c r="D194" s="2" t="s">
        <v>524</v>
      </c>
      <c r="E194" s="2" t="s">
        <v>512</v>
      </c>
      <c r="F194" s="2" t="s">
        <v>525</v>
      </c>
      <c r="G194" s="3">
        <v>4</v>
      </c>
      <c r="H194" s="2" t="s">
        <v>89</v>
      </c>
      <c r="I194" s="3">
        <v>2009</v>
      </c>
      <c r="J194" s="2" t="s">
        <v>20</v>
      </c>
      <c r="K194" s="2"/>
      <c r="L194" s="2" t="s">
        <v>526</v>
      </c>
    </row>
    <row r="195" spans="1:12" ht="15.2" customHeight="1">
      <c r="A195" s="2" t="s">
        <v>496</v>
      </c>
      <c r="B195" s="2" t="s">
        <v>272</v>
      </c>
      <c r="C195" s="2" t="s">
        <v>527</v>
      </c>
      <c r="D195" s="2" t="s">
        <v>528</v>
      </c>
      <c r="E195" s="2" t="s">
        <v>529</v>
      </c>
      <c r="F195" s="2" t="s">
        <v>530</v>
      </c>
      <c r="G195" s="3">
        <v>1</v>
      </c>
      <c r="H195" s="2" t="s">
        <v>89</v>
      </c>
      <c r="I195" s="3">
        <v>2010</v>
      </c>
      <c r="J195" s="2" t="s">
        <v>20</v>
      </c>
      <c r="K195" s="2"/>
      <c r="L195" s="2" t="s">
        <v>531</v>
      </c>
    </row>
    <row r="196" spans="1:12" ht="15.2" customHeight="1">
      <c r="A196" s="2" t="s">
        <v>496</v>
      </c>
      <c r="B196" s="2" t="s">
        <v>92</v>
      </c>
      <c r="C196" s="2" t="s">
        <v>180</v>
      </c>
      <c r="D196" s="2" t="s">
        <v>181</v>
      </c>
      <c r="E196" s="2" t="s">
        <v>51</v>
      </c>
      <c r="F196" s="2" t="s">
        <v>182</v>
      </c>
      <c r="G196" s="3">
        <v>1</v>
      </c>
      <c r="H196" s="2" t="s">
        <v>19</v>
      </c>
      <c r="I196" s="3">
        <v>2019</v>
      </c>
      <c r="J196" s="2" t="s">
        <v>20</v>
      </c>
      <c r="K196" s="2"/>
      <c r="L196" s="2" t="s">
        <v>183</v>
      </c>
    </row>
    <row r="197" spans="1:12" ht="15.2" customHeight="1">
      <c r="A197" s="2" t="s">
        <v>496</v>
      </c>
      <c r="B197" s="2" t="s">
        <v>98</v>
      </c>
      <c r="C197" s="2" t="s">
        <v>467</v>
      </c>
      <c r="D197" s="2" t="s">
        <v>468</v>
      </c>
      <c r="E197" s="2" t="s">
        <v>279</v>
      </c>
      <c r="F197" s="2" t="s">
        <v>469</v>
      </c>
      <c r="G197" s="3">
        <v>6</v>
      </c>
      <c r="H197" s="2" t="s">
        <v>26</v>
      </c>
      <c r="I197" s="3">
        <v>2020</v>
      </c>
      <c r="J197" s="2" t="s">
        <v>20</v>
      </c>
      <c r="K197" s="2"/>
      <c r="L197" s="2" t="s">
        <v>470</v>
      </c>
    </row>
    <row r="198" spans="1:12" ht="15.2" customHeight="1">
      <c r="A198" s="2" t="s">
        <v>496</v>
      </c>
      <c r="B198" s="2" t="s">
        <v>103</v>
      </c>
      <c r="C198" s="2" t="s">
        <v>506</v>
      </c>
      <c r="D198" s="2" t="s">
        <v>507</v>
      </c>
      <c r="E198" s="2" t="s">
        <v>126</v>
      </c>
      <c r="F198" s="2" t="s">
        <v>508</v>
      </c>
      <c r="G198" s="3">
        <v>4</v>
      </c>
      <c r="H198" s="2" t="s">
        <v>26</v>
      </c>
      <c r="I198" s="3">
        <v>2018</v>
      </c>
      <c r="J198" s="2" t="s">
        <v>20</v>
      </c>
      <c r="K198" s="2"/>
      <c r="L198" s="2" t="s">
        <v>509</v>
      </c>
    </row>
    <row r="199" spans="1:12" ht="15.2" customHeight="1">
      <c r="A199" s="2" t="s">
        <v>496</v>
      </c>
      <c r="B199" s="2" t="s">
        <v>109</v>
      </c>
      <c r="C199" s="2" t="s">
        <v>238</v>
      </c>
      <c r="D199" s="2" t="s">
        <v>239</v>
      </c>
      <c r="E199" s="2" t="s">
        <v>126</v>
      </c>
      <c r="F199" s="2" t="s">
        <v>240</v>
      </c>
      <c r="G199" s="3">
        <v>3</v>
      </c>
      <c r="H199" s="2" t="s">
        <v>26</v>
      </c>
      <c r="I199" s="3">
        <v>2018</v>
      </c>
      <c r="J199" s="2" t="s">
        <v>20</v>
      </c>
      <c r="K199" s="2"/>
      <c r="L199" s="2" t="s">
        <v>241</v>
      </c>
    </row>
    <row r="200" spans="1:12" ht="15.2" customHeight="1">
      <c r="A200" s="2" t="s">
        <v>496</v>
      </c>
      <c r="B200" s="2" t="s">
        <v>114</v>
      </c>
      <c r="C200" s="2" t="s">
        <v>532</v>
      </c>
      <c r="D200" s="2" t="s">
        <v>533</v>
      </c>
      <c r="E200" s="2" t="s">
        <v>279</v>
      </c>
      <c r="F200" s="2" t="s">
        <v>534</v>
      </c>
      <c r="G200" s="3">
        <v>1</v>
      </c>
      <c r="H200" s="2" t="s">
        <v>75</v>
      </c>
      <c r="I200" s="3">
        <v>2020</v>
      </c>
      <c r="J200" s="2" t="s">
        <v>20</v>
      </c>
      <c r="K200" s="2"/>
      <c r="L200" s="2" t="s">
        <v>535</v>
      </c>
    </row>
    <row r="201" spans="1:12" ht="15.2" customHeight="1">
      <c r="A201" s="2" t="s">
        <v>496</v>
      </c>
      <c r="B201" s="2" t="s">
        <v>119</v>
      </c>
      <c r="C201" s="2" t="s">
        <v>414</v>
      </c>
      <c r="D201" s="2" t="s">
        <v>415</v>
      </c>
      <c r="E201" s="2" t="s">
        <v>279</v>
      </c>
      <c r="F201" s="2" t="s">
        <v>416</v>
      </c>
      <c r="G201" s="3">
        <v>5</v>
      </c>
      <c r="H201" s="2" t="s">
        <v>75</v>
      </c>
      <c r="I201" s="3">
        <v>2020</v>
      </c>
      <c r="J201" s="2" t="s">
        <v>20</v>
      </c>
      <c r="K201" s="2"/>
      <c r="L201" s="2" t="s">
        <v>417</v>
      </c>
    </row>
    <row r="202" spans="1:12" ht="15.2" customHeight="1">
      <c r="A202" s="2" t="s">
        <v>496</v>
      </c>
      <c r="B202" s="2" t="s">
        <v>124</v>
      </c>
      <c r="C202" s="2" t="s">
        <v>282</v>
      </c>
      <c r="D202" s="2" t="s">
        <v>283</v>
      </c>
      <c r="E202" s="2" t="s">
        <v>279</v>
      </c>
      <c r="F202" s="2" t="s">
        <v>284</v>
      </c>
      <c r="G202" s="3">
        <v>2</v>
      </c>
      <c r="H202" s="2" t="s">
        <v>19</v>
      </c>
      <c r="I202" s="3">
        <v>2020</v>
      </c>
      <c r="J202" s="2" t="s">
        <v>20</v>
      </c>
      <c r="K202" s="2"/>
      <c r="L202" s="2" t="s">
        <v>285</v>
      </c>
    </row>
    <row r="203" spans="1:12" ht="15.2" customHeight="1">
      <c r="A203" s="2" t="s">
        <v>496</v>
      </c>
      <c r="B203" s="2" t="s">
        <v>129</v>
      </c>
      <c r="C203" s="2" t="s">
        <v>536</v>
      </c>
      <c r="D203" s="2" t="s">
        <v>537</v>
      </c>
      <c r="E203" s="2" t="s">
        <v>538</v>
      </c>
      <c r="F203" s="2" t="s">
        <v>539</v>
      </c>
      <c r="G203" s="3">
        <v>6</v>
      </c>
      <c r="H203" s="2" t="s">
        <v>19</v>
      </c>
      <c r="I203" s="3">
        <v>2016</v>
      </c>
      <c r="J203" s="2" t="s">
        <v>20</v>
      </c>
      <c r="K203" s="2"/>
      <c r="L203" s="2" t="s">
        <v>540</v>
      </c>
    </row>
    <row r="204" spans="1:12" ht="15.2" customHeight="1">
      <c r="A204" s="2" t="s">
        <v>496</v>
      </c>
      <c r="B204" s="2" t="s">
        <v>132</v>
      </c>
      <c r="C204" s="2" t="s">
        <v>541</v>
      </c>
      <c r="D204" s="2" t="s">
        <v>542</v>
      </c>
      <c r="E204" s="2" t="s">
        <v>489</v>
      </c>
      <c r="F204" s="2" t="s">
        <v>543</v>
      </c>
      <c r="G204" s="3">
        <v>2</v>
      </c>
      <c r="H204" s="2" t="s">
        <v>75</v>
      </c>
      <c r="I204" s="3">
        <v>2018</v>
      </c>
      <c r="J204" s="2" t="s">
        <v>20</v>
      </c>
      <c r="K204" s="2"/>
      <c r="L204" s="2" t="s">
        <v>544</v>
      </c>
    </row>
    <row r="205" spans="1:12" ht="15.2" customHeight="1">
      <c r="A205" s="2" t="s">
        <v>496</v>
      </c>
      <c r="B205" s="2" t="s">
        <v>137</v>
      </c>
      <c r="C205" s="2" t="s">
        <v>487</v>
      </c>
      <c r="D205" s="2" t="s">
        <v>488</v>
      </c>
      <c r="E205" s="2" t="s">
        <v>489</v>
      </c>
      <c r="F205" s="2" t="s">
        <v>490</v>
      </c>
      <c r="G205" s="3">
        <v>1</v>
      </c>
      <c r="H205" s="2" t="s">
        <v>75</v>
      </c>
      <c r="I205" s="3">
        <v>2018</v>
      </c>
      <c r="J205" s="2" t="s">
        <v>20</v>
      </c>
      <c r="K205" s="2"/>
      <c r="L205" s="2" t="s">
        <v>491</v>
      </c>
    </row>
    <row r="206" spans="1:12" ht="15.2" customHeight="1">
      <c r="A206" s="2" t="s">
        <v>496</v>
      </c>
      <c r="B206" s="2" t="s">
        <v>143</v>
      </c>
      <c r="C206" s="2" t="s">
        <v>304</v>
      </c>
      <c r="D206" s="2" t="s">
        <v>305</v>
      </c>
      <c r="E206" s="2" t="s">
        <v>301</v>
      </c>
      <c r="F206" s="2" t="s">
        <v>306</v>
      </c>
      <c r="G206" s="3">
        <v>4</v>
      </c>
      <c r="H206" s="2" t="s">
        <v>19</v>
      </c>
      <c r="I206" s="3">
        <v>2016</v>
      </c>
      <c r="J206" s="2" t="s">
        <v>20</v>
      </c>
      <c r="K206" s="2"/>
      <c r="L206" s="2" t="s">
        <v>307</v>
      </c>
    </row>
    <row r="207" spans="1:12" ht="15.2" customHeight="1">
      <c r="A207" s="2" t="s">
        <v>496</v>
      </c>
      <c r="B207" s="2" t="s">
        <v>150</v>
      </c>
      <c r="C207" s="2" t="s">
        <v>273</v>
      </c>
      <c r="D207" s="2" t="s">
        <v>274</v>
      </c>
      <c r="E207" s="2" t="s">
        <v>87</v>
      </c>
      <c r="F207" s="2" t="s">
        <v>275</v>
      </c>
      <c r="G207" s="3">
        <v>5</v>
      </c>
      <c r="H207" s="2" t="s">
        <v>89</v>
      </c>
      <c r="I207" s="3">
        <v>2019</v>
      </c>
      <c r="J207" s="2" t="s">
        <v>90</v>
      </c>
      <c r="K207" s="2"/>
      <c r="L207" s="2" t="s">
        <v>276</v>
      </c>
    </row>
    <row r="208" spans="1:12" ht="15.2" customHeight="1">
      <c r="A208" s="2" t="s">
        <v>496</v>
      </c>
      <c r="B208" s="2" t="s">
        <v>156</v>
      </c>
      <c r="C208" s="2" t="s">
        <v>497</v>
      </c>
      <c r="D208" s="2" t="s">
        <v>498</v>
      </c>
      <c r="E208" s="2" t="s">
        <v>499</v>
      </c>
      <c r="F208" s="2" t="s">
        <v>500</v>
      </c>
      <c r="G208" s="3">
        <v>1</v>
      </c>
      <c r="H208" s="2" t="s">
        <v>75</v>
      </c>
      <c r="I208" s="3">
        <v>2018</v>
      </c>
      <c r="J208" s="2" t="s">
        <v>20</v>
      </c>
      <c r="K208" s="2"/>
      <c r="L208" s="2" t="s">
        <v>501</v>
      </c>
    </row>
    <row r="209" spans="1:12" ht="15.2" customHeight="1">
      <c r="A209" s="2" t="s">
        <v>496</v>
      </c>
      <c r="B209" s="2" t="s">
        <v>161</v>
      </c>
      <c r="C209" s="2" t="s">
        <v>502</v>
      </c>
      <c r="D209" s="2" t="s">
        <v>503</v>
      </c>
      <c r="E209" s="2" t="s">
        <v>164</v>
      </c>
      <c r="F209" s="2" t="s">
        <v>504</v>
      </c>
      <c r="G209" s="3">
        <v>9</v>
      </c>
      <c r="H209" s="2" t="s">
        <v>166</v>
      </c>
      <c r="I209" s="3">
        <v>2018</v>
      </c>
      <c r="J209" s="2" t="s">
        <v>20</v>
      </c>
      <c r="K209" s="2"/>
      <c r="L209" s="2" t="s">
        <v>505</v>
      </c>
    </row>
    <row r="210" spans="1:12" ht="15.2" customHeight="1">
      <c r="A210" s="2" t="s">
        <v>496</v>
      </c>
      <c r="B210" s="2" t="s">
        <v>168</v>
      </c>
      <c r="C210" s="2" t="s">
        <v>180</v>
      </c>
      <c r="D210" s="2" t="s">
        <v>181</v>
      </c>
      <c r="E210" s="2" t="s">
        <v>51</v>
      </c>
      <c r="F210" s="2" t="s">
        <v>182</v>
      </c>
      <c r="G210" s="3">
        <v>1</v>
      </c>
      <c r="H210" s="2" t="s">
        <v>19</v>
      </c>
      <c r="I210" s="3">
        <v>2019</v>
      </c>
      <c r="J210" s="2" t="s">
        <v>20</v>
      </c>
      <c r="K210" s="2"/>
      <c r="L210" s="2" t="s">
        <v>183</v>
      </c>
    </row>
    <row r="211" spans="1:12" ht="15.2" customHeight="1">
      <c r="A211" s="2" t="s">
        <v>496</v>
      </c>
      <c r="B211" s="2" t="s">
        <v>169</v>
      </c>
      <c r="C211" s="2" t="s">
        <v>467</v>
      </c>
      <c r="D211" s="2" t="s">
        <v>468</v>
      </c>
      <c r="E211" s="2" t="s">
        <v>279</v>
      </c>
      <c r="F211" s="2" t="s">
        <v>469</v>
      </c>
      <c r="G211" s="3">
        <v>6</v>
      </c>
      <c r="H211" s="2" t="s">
        <v>26</v>
      </c>
      <c r="I211" s="3">
        <v>2020</v>
      </c>
      <c r="J211" s="2" t="s">
        <v>20</v>
      </c>
      <c r="K211" s="2"/>
      <c r="L211" s="2" t="s">
        <v>470</v>
      </c>
    </row>
    <row r="212" spans="1:12" ht="15.2" customHeight="1">
      <c r="A212" s="2" t="s">
        <v>496</v>
      </c>
      <c r="B212" s="2" t="s">
        <v>170</v>
      </c>
      <c r="C212" s="2" t="s">
        <v>532</v>
      </c>
      <c r="D212" s="2" t="s">
        <v>533</v>
      </c>
      <c r="E212" s="2" t="s">
        <v>279</v>
      </c>
      <c r="F212" s="2" t="s">
        <v>534</v>
      </c>
      <c r="G212" s="3">
        <v>1</v>
      </c>
      <c r="H212" s="2" t="s">
        <v>75</v>
      </c>
      <c r="I212" s="3">
        <v>2020</v>
      </c>
      <c r="J212" s="2" t="s">
        <v>20</v>
      </c>
      <c r="K212" s="2"/>
      <c r="L212" s="2" t="s">
        <v>535</v>
      </c>
    </row>
    <row r="213" spans="1:12"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0-11-10T11:15:24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